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628"/>
  <workbookPr defaultThemeVersion="202300"/>
  <mc:AlternateContent xmlns:mc="http://schemas.openxmlformats.org/markup-compatibility/2006">
    <mc:Choice Requires="x15">
      <x15ac:absPath xmlns:x15ac="http://schemas.microsoft.com/office/spreadsheetml/2010/11/ac" url="\\s1\HomeV$\urbanovara\Dokumenty\IDZ\Výběrová řízení\Interaktivní učebna\"/>
    </mc:Choice>
  </mc:AlternateContent>
  <xr:revisionPtr revIDLastSave="0" documentId="13_ncr:1_{4C24C39A-35D2-4FDE-8AED-6CDB0EA0DE20}" xr6:coauthVersionLast="47" xr6:coauthVersionMax="47" xr10:uidLastSave="{00000000-0000-0000-0000-000000000000}"/>
  <bookViews>
    <workbookView xWindow="-120" yWindow="-120" windowWidth="29040" windowHeight="15840" xr2:uid="{61159081-0E44-4EA6-8575-B353E8DECC97}"/>
  </bookViews>
  <sheets>
    <sheet name="Lis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388" i="1" l="1"/>
  <c r="K388" i="1" l="1"/>
  <c r="K309" i="1"/>
  <c r="K496" i="1" s="1"/>
  <c r="K241" i="1"/>
  <c r="K155" i="1"/>
  <c r="K70" i="1"/>
  <c r="K6" i="1"/>
  <c r="J309" i="1"/>
  <c r="J496" i="1" s="1"/>
  <c r="J241" i="1"/>
  <c r="J155" i="1"/>
  <c r="J70" i="1"/>
  <c r="J6" i="1"/>
</calcChain>
</file>

<file path=xl/sharedStrings.xml><?xml version="1.0" encoding="utf-8"?>
<sst xmlns="http://schemas.openxmlformats.org/spreadsheetml/2006/main" count="516" uniqueCount="477">
  <si>
    <t>NABÍDKA</t>
  </si>
  <si>
    <t>maximální možná cena bez DPH/jednotka</t>
  </si>
  <si>
    <t>maximální možná cena včetně DPH/jednotka</t>
  </si>
  <si>
    <t>množství</t>
  </si>
  <si>
    <t>jednotka</t>
  </si>
  <si>
    <t>jednotková cena bez DPH</t>
  </si>
  <si>
    <t>jednotková cena včetně DPH</t>
  </si>
  <si>
    <t>cena celkem bez DPH</t>
  </si>
  <si>
    <t>cena celkem včetně DPH</t>
  </si>
  <si>
    <t>požadovaný produkt/služba</t>
  </si>
  <si>
    <t>technická specifikace požadovaného výrobku/služby</t>
  </si>
  <si>
    <t>Interaktivní displej 1.1.1.1.1.1.1.2</t>
  </si>
  <si>
    <t>1) Základní charakteristika</t>
  </si>
  <si>
    <t>Typ zařízení: Interaktivní dotykový displej určený pro prezentační a výukové účely</t>
  </si>
  <si>
    <t>Určení: firemní prezentace, výuka, videokonference, spolupráce</t>
  </si>
  <si>
    <t>2) Úhlopříčka a rozměry</t>
  </si>
  <si>
    <t xml:space="preserve">Úhlopříčka: 55" – 86" </t>
  </si>
  <si>
    <t>Poměr stran: 16:9 (typicky)</t>
  </si>
  <si>
    <t>Viditelná plocha: antireflexní povrch pro každodenní použití</t>
  </si>
  <si>
    <t>Tloušťka rámu (bezrámová/nebo úzký rámeček): minimalizované okraje</t>
  </si>
  <si>
    <t>3) Panel a vizuální kvalita</t>
  </si>
  <si>
    <t>Technologie panelu: IPS nebo VA</t>
  </si>
  <si>
    <t>Maximální rozlišení: 4K UHD (3840 × 2160)</t>
  </si>
  <si>
    <t>Jas: ≥ 350 cd/m² (vysoký jas pro zasedací místnosti)</t>
  </si>
  <si>
    <t>Kontrastní poměr: ≥ 1200:1</t>
  </si>
  <si>
    <t>Barevné pokrytí: sRGB 90 %+ (nebo ekvivalent)</t>
  </si>
  <si>
    <t>4) Dotyková technologie</t>
  </si>
  <si>
    <t>Typ doteku: kapacitní/IR multisenzor</t>
  </si>
  <si>
    <t>Počet dotykových bodů: min. 10 bodů současně</t>
  </si>
  <si>
    <t>Dotykové ovládání: prstem / stylusem</t>
  </si>
  <si>
    <t>Reakční doba: ≤ 10 ms</t>
  </si>
  <si>
    <t>Podpora gest: ano</t>
  </si>
  <si>
    <t>5) Operační systém a HW platforma</t>
  </si>
  <si>
    <t>Integrovaný OS: Android (typicky 9/10/11/12) nebo Windows-ready</t>
  </si>
  <si>
    <t>CPU: čtyřjádrový procesor nebo výkonnější</t>
  </si>
  <si>
    <t>RAM: 4 GB+</t>
  </si>
  <si>
    <t>Vnitřní úložiště: ≥ 32 GB</t>
  </si>
  <si>
    <t>Grafická akcelerace: podpora 4K výstupu</t>
  </si>
  <si>
    <t>Chlazení: pasivní / tiché aktivní</t>
  </si>
  <si>
    <t>6) Konektivita a vstupy</t>
  </si>
  <si>
    <t>Video a audio</t>
  </si>
  <si>
    <t>HDMI 2.0 / DisplayPort</t>
  </si>
  <si>
    <t>USB-C (s alternativním režimem DP)</t>
  </si>
  <si>
    <t>Audio-out</t>
  </si>
  <si>
    <t>Rozhraní</t>
  </si>
  <si>
    <t>USB 2.0 / USB 3.0</t>
  </si>
  <si>
    <t>LAN (RJ45)</t>
  </si>
  <si>
    <t>Wi-Fi 5/6</t>
  </si>
  <si>
    <t>Bluetooth (volitelné)</t>
  </si>
  <si>
    <t>Volitelně 4G/5G</t>
  </si>
  <si>
    <t>7) Zvuk</t>
  </si>
  <si>
    <t>Reproduktory: stereo 10 W+ / 2×8 W nebo vyšší</t>
  </si>
  <si>
    <t>Mikrofon: integrovaný nebo externí podpora</t>
  </si>
  <si>
    <t>Podpora konferenčních sad (např. USB zvukové zařízení)</t>
  </si>
  <si>
    <t>8) Montáž a mechanika</t>
  </si>
  <si>
    <t>Standard VESA: 600×400 nebo 800×400 (dle úhlopříčky)</t>
  </si>
  <si>
    <t>Možnost nástěnné montáže</t>
  </si>
  <si>
    <t>Volitelné mobilní stojany</t>
  </si>
  <si>
    <t>Odolnost proti poškození: tvrzené sklo (chemicky tvrzené)</t>
  </si>
  <si>
    <t>9) Software a funkce spolupráce</t>
  </si>
  <si>
    <t>Vestavěné prezentační aplikace</t>
  </si>
  <si>
    <t>Podpora videokonferenčních nástrojů</t>
  </si>
  <si>
    <t>Podpora vzdáleného sdílení obrazovky (AirPlay, Miracast, Chromecast)</t>
  </si>
  <si>
    <t>Možnost centrální správy zařízení</t>
  </si>
  <si>
    <t>Multimediální přehrávání</t>
  </si>
  <si>
    <t>Možnosti anotací nad aplikacemi / Whiteboard</t>
  </si>
  <si>
    <t>10) Napájení a provozní podmínky</t>
  </si>
  <si>
    <t>Napájení: 100–240 V AC</t>
  </si>
  <si>
    <t>Spotřeba v provozu: ≤ 200 W (záleží na velikosti)</t>
  </si>
  <si>
    <t>Provozní teplota: 0–40 °C</t>
  </si>
  <si>
    <t>Vlhkost: 20 %–80 % RH (nekondenzující)</t>
  </si>
  <si>
    <t>11) Bezpečnost a certifikace</t>
  </si>
  <si>
    <t>CE / FCC / RoHS</t>
  </si>
  <si>
    <t>Ochrana proti přepětí</t>
  </si>
  <si>
    <t>Bezpečnostní kryty kabelů</t>
  </si>
  <si>
    <t>Ochrana proti poškození displeje</t>
  </si>
  <si>
    <t>1) Základní charakteristika</t>
  </si>
  <si>
    <t>Typ zařízení: Stolní osobní počítač (desktop/workstation)</t>
  </si>
  <si>
    <t>Určení: kancelářská práce, administrativa, výuka, multimédia, základní grafika</t>
  </si>
  <si>
    <t>Provoz: dlouhodobý každodenní provoz v interiéru</t>
  </si>
  <si>
    <t>2) Konstrukce a provedení</t>
  </si>
  <si>
    <t>Formát skříně:</t>
  </si>
  <si>
    <t>Mini Tower / Tower / Small Form Factor / All-in-One</t>
  </si>
  <si>
    <t>Materiál šasi: kov + plast</t>
  </si>
  <si>
    <t>Přístupnost komponent: beznástrojový nebo šroubovaný přístup</t>
  </si>
  <si>
    <t>Chlazení: aktivní, tichý provoz</t>
  </si>
  <si>
    <t>Možnost uzamčení: slot pro bezpečnostní zámek</t>
  </si>
  <si>
    <t>3) Procesor (CPU)</t>
  </si>
  <si>
    <t>Architektura: x86-64</t>
  </si>
  <si>
    <t>Počet jader: min. 4 jádra</t>
  </si>
  <si>
    <t>Základní takt: ≥ 2,0 GHz</t>
  </si>
  <si>
    <t>Podpora virtualizace: ano</t>
  </si>
  <si>
    <t>Energetická efektivita: optimalizovaná pro kancelářský provoz</t>
  </si>
  <si>
    <t>4) Operační paměť (RAM)</t>
  </si>
  <si>
    <t>Typ: DDR4 / DDR5</t>
  </si>
  <si>
    <t>Kapacita: min. 8 GB</t>
  </si>
  <si>
    <t>Rozšiřitelnost: min. 16–32 GB</t>
  </si>
  <si>
    <t>Počet slotů: alespoň 2</t>
  </si>
  <si>
    <t>Dual-channel podpora: ano</t>
  </si>
  <si>
    <t>5) Datové úložiště</t>
  </si>
  <si>
    <t>Primární disk: SSD</t>
  </si>
  <si>
    <t>Kapacita: ≥ 256 GB</t>
  </si>
  <si>
    <t>Rozhraní: NVMe / SATA</t>
  </si>
  <si>
    <t>Možnost rozšíření: druhý disk (SSD/HDD)</t>
  </si>
  <si>
    <t>Podpora šifrování: ano (HW/SW)</t>
  </si>
  <si>
    <t>6) Grafická část (GPU)</t>
  </si>
  <si>
    <t>Typ: integrovaná nebo dedikovaná</t>
  </si>
  <si>
    <t>Podpora rozlišení: min. 4K, 60 Hz</t>
  </si>
  <si>
    <t>Počet výstupů: min. 2</t>
  </si>
  <si>
    <t>Podpora více monitorů: ano</t>
  </si>
  <si>
    <t>7) Konektivita a porty</t>
  </si>
  <si>
    <t>Externí rozhraní</t>
  </si>
  <si>
    <t>USB 2.0 / USB 3.x (min. 4 porty)</t>
  </si>
  <si>
    <t>USB-C (volitelně)</t>
  </si>
  <si>
    <t>HDMI / DisplayPort</t>
  </si>
  <si>
    <t>Audio vstup/výstup</t>
  </si>
  <si>
    <t>Čtečka karet (volitelně)</t>
  </si>
  <si>
    <t>Síťové připojení</t>
  </si>
  <si>
    <t>Ethernet RJ45 (1 Gb/s)</t>
  </si>
  <si>
    <t>Wi-Fi 5/6 (volitelné)</t>
  </si>
  <si>
    <t>8) Periferní vybavení</t>
  </si>
  <si>
    <t>Klávesnice: USB / bezdrátová, CZ/SK rozložení</t>
  </si>
  <si>
    <t>Myš: optická, USB / bezdrátová</t>
  </si>
  <si>
    <t>Monitor: externí / integrovaný dle konfigurace</t>
  </si>
  <si>
    <t>Webkamera: externí / volitelná</t>
  </si>
  <si>
    <t>9) Operační systém a software</t>
  </si>
  <si>
    <t>Operační systém: Windows / Linux / bez OS</t>
  </si>
  <si>
    <t>Podpora správy zařízení: ano</t>
  </si>
  <si>
    <t>Možnost centrální správy: ano</t>
  </si>
  <si>
    <t>Základní bezpečnostní software: volitelně</t>
  </si>
  <si>
    <t>Podpora aktualizací: dlouhodobá</t>
  </si>
  <si>
    <t>10) Bezpečnostní funkce</t>
  </si>
  <si>
    <t>TPM modul (HW/SW)</t>
  </si>
  <si>
    <t>BIOS/UEFI ochrana heslem</t>
  </si>
  <si>
    <t>Secure Boot</t>
  </si>
  <si>
    <t>Možnost šifrování disku</t>
  </si>
  <si>
    <t>Ochrana proti neoprávněnému spuštění</t>
  </si>
  <si>
    <t>11) Napájení a energetika</t>
  </si>
  <si>
    <t>Napájecí zdroj: interní / externí adaptér</t>
  </si>
  <si>
    <t>Výkon zdroje: dle konfigurace (typicky 180–500 W)</t>
  </si>
  <si>
    <t>Účinnost: 80 PLUS nebo ekvivalent</t>
  </si>
  <si>
    <t>Spotřeba v klidu: optimalizovaná</t>
  </si>
  <si>
    <t>Režimy úspory energie: ano</t>
  </si>
  <si>
    <t>12) Provozní podmínky</t>
  </si>
  <si>
    <t>Provozní teplota: 5–35 °C</t>
  </si>
  <si>
    <t>Vlhkost: 20–80 % RH</t>
  </si>
  <si>
    <t>Hlučnost: ≤ 35 dB (běžný provoz)</t>
  </si>
  <si>
    <t>Nepřetržitý provoz: podpora 8/5 nebo 24/7 dle modelu</t>
  </si>
  <si>
    <t>13) Servis a podpora</t>
  </si>
  <si>
    <t>Záruka: min. 24 měsíců</t>
  </si>
  <si>
    <t>On-site servis: volitelně</t>
  </si>
  <si>
    <t>Dostupnost náhradních dílů: min. 3–5 let</t>
  </si>
  <si>
    <t>Technická dokumentace: v češtině/angličtině</t>
  </si>
  <si>
    <t>Vzdálená diagnostika: podporována</t>
  </si>
  <si>
    <t>14) Certifikace a normy</t>
  </si>
  <si>
    <t>CE</t>
  </si>
  <si>
    <t>RoHS</t>
  </si>
  <si>
    <t>ENERGY STAR / ekvivalent</t>
  </si>
  <si>
    <t>ISO výrobce</t>
  </si>
  <si>
    <t>Bezpečnostní normy IT zařízení</t>
  </si>
  <si>
    <t>P_10</t>
  </si>
  <si>
    <t>Název VZ: Interaktivní učebna</t>
  </si>
  <si>
    <t>ks</t>
  </si>
  <si>
    <t>Typ zařízení: LCD/LED monitor pro profesionální a kancelářské použití</t>
  </si>
  <si>
    <t>Určení: grafická práce, administrace, výuka, multimédia, CAD/DTP</t>
  </si>
  <si>
    <t>Provoz: dlouhodobý provoz v interiéru</t>
  </si>
  <si>
    <t>2) Úhlopříčka a formát</t>
  </si>
  <si>
    <t>Úhlopříčka: 23" – 32"</t>
  </si>
  <si>
    <t>Poměr stran: 16:9 / 16:10 / 21:9 (volitelně)</t>
  </si>
  <si>
    <t>Viditelná plocha: antireflexní úprava</t>
  </si>
  <si>
    <t>Rámeček: tenký (slim bezel) pro vícemonitorové sestavy</t>
  </si>
  <si>
    <t>3) Panel a zobrazovací technologie</t>
  </si>
  <si>
    <t>Typ panelu: IPS / OLED / VA (preferováno IPS/OLED pro grafiku)</t>
  </si>
  <si>
    <t>Podsvícení: LED / OLED</t>
  </si>
  <si>
    <t>Povrch: matný / polomatný</t>
  </si>
  <si>
    <t>Barevná hloubka: min. 8 bit (8 bit + FRC nebo 10 bit)</t>
  </si>
  <si>
    <t>4) Rozlišení a obrazová kvalita</t>
  </si>
  <si>
    <t>Nativní rozlišení:</t>
  </si>
  <si>
    <t>Full HD (1920 × 1080) – minimum</t>
  </si>
  <si>
    <t>QHD / 4K UHD – doporučeno</t>
  </si>
  <si>
    <t>Obnovovací frekvence: 60–144 Hz</t>
  </si>
  <si>
    <t>Odezva: ≤ 5 ms (GtG)</t>
  </si>
  <si>
    <t>Kontrast: ≥ 1000:1</t>
  </si>
  <si>
    <t>Jas: ≥ 300 cd/m²</t>
  </si>
  <si>
    <t>5) Barevná přesnost</t>
  </si>
  <si>
    <t>Barevné pokrytí:</t>
  </si>
  <si>
    <t>sRGB ≥ 99 %</t>
  </si>
  <si>
    <t>AdobeRGB / DCI-P3 (volitelně)</t>
  </si>
  <si>
    <t>Kalibrace: tovární nebo softwarová podpora</t>
  </si>
  <si>
    <t>Delta E: ≤ 2 (doporučeno)</t>
  </si>
  <si>
    <t>Podpora LUT tabulek: volitelně</t>
  </si>
  <si>
    <t>6) Konektivita</t>
  </si>
  <si>
    <t>Video vstupy</t>
  </si>
  <si>
    <t>HDMI (min. 1×)</t>
  </si>
  <si>
    <t>DisplayPort (min. 1×)</t>
  </si>
  <si>
    <t>USB-C (volitelně, včetně DP Alt Mode)</t>
  </si>
  <si>
    <t>Datové porty</t>
  </si>
  <si>
    <t>USB hub (2–4 porty)</t>
  </si>
  <si>
    <t>Audio výstup</t>
  </si>
  <si>
    <t>LAN přes USB-C (volitelně)</t>
  </si>
  <si>
    <t>7) Ergonomie a polohování</t>
  </si>
  <si>
    <t>Nastavení výšky: ano</t>
  </si>
  <si>
    <t>Náklon (tilt): ano</t>
  </si>
  <si>
    <t>Otočení (swivel): ano</t>
  </si>
  <si>
    <t>Pivot (na výšku): ano</t>
  </si>
  <si>
    <t>Stojan: stabilní, protiskluzový</t>
  </si>
  <si>
    <t>8) Montáž</t>
  </si>
  <si>
    <t>Standard VESA: 75×75 / 100×100</t>
  </si>
  <si>
    <t>Kompatibilita: nástěnné držáky, ramena</t>
  </si>
  <si>
    <t>Rychloupínání stojanu: volitelně</t>
  </si>
  <si>
    <t>9) Ochrana zraku a komfort</t>
  </si>
  <si>
    <t>Flicker-Free technologie</t>
  </si>
  <si>
    <t>Low Blue Light režim</t>
  </si>
  <si>
    <t>Automatická regulace jasu (volitelně)</t>
  </si>
  <si>
    <t>Režimy zobrazení (grafika, text, video)</t>
  </si>
  <si>
    <t>10) Integrované funkce</t>
  </si>
  <si>
    <t>Vestavěné reproduktory (volitelně)</t>
  </si>
  <si>
    <t>KVM přepínač (volitelně)</t>
  </si>
  <si>
    <t>Picture-in-Picture / Picture-by-Picture</t>
  </si>
  <si>
    <t>Automatická detekce vstupů</t>
  </si>
  <si>
    <t>On-screen menu (OSD)</t>
  </si>
  <si>
    <t>11) Napájení a spotřeba</t>
  </si>
  <si>
    <t>Napájení: interní / externí adaptér</t>
  </si>
  <si>
    <t>Vstupní napětí: 100–240 V AC</t>
  </si>
  <si>
    <t>Spotřeba v provozu: ≤ 50 W (dle velikosti)</t>
  </si>
  <si>
    <t>Pohotovostní režim: ≤ 0,5 W</t>
  </si>
  <si>
    <t>Úsporné režimy: ano</t>
  </si>
  <si>
    <t>12) Konstrukce a životnost</t>
  </si>
  <si>
    <t>Materiál: plast / kovová výztuha</t>
  </si>
  <si>
    <t>Ochranné sklo: volitelně</t>
  </si>
  <si>
    <t>Životnost panelu: ≥ 30 000 hodin</t>
  </si>
  <si>
    <t>Odolnost proti vypalování/ghostingu: optimalizovaná</t>
  </si>
  <si>
    <t>13) Provozní podmínky</t>
  </si>
  <si>
    <t>Teplota: 0–40 °C</t>
  </si>
  <si>
    <t>Hlučnost: pasivní chlazení (bez ventilátoru)</t>
  </si>
  <si>
    <t>14) Bezpečnost a certifikace</t>
  </si>
  <si>
    <t>TCO Certified (volitelně)</t>
  </si>
  <si>
    <t>15) Servis a podpora</t>
  </si>
  <si>
    <t>Dead pixel policy: definovaná</t>
  </si>
  <si>
    <t>Servis: carry-in / on-site</t>
  </si>
  <si>
    <t>Technická dokumentace: CZ/EN</t>
  </si>
  <si>
    <t>Typ zařízení: grafický/výtvarný tablet pro digitální kreslení</t>
  </si>
  <si>
    <t>Určení: digitální umění, ilustrace, úprava fotografií, design</t>
  </si>
  <si>
    <t>Propojení: s počítačem nebo samostatná kreslicí stanice</t>
  </si>
  <si>
    <t>2) Typ zařízení</t>
  </si>
  <si>
    <t>Bez displeje (pen tablet): kreslení na ploše, zobrazování probíhá na monitoru</t>
  </si>
  <si>
    <t>S integrovaným displejem (pen display): kreslení přímo na obrazovku</t>
  </si>
  <si>
    <t>Samostatné zařízení (standalone): integrovaný počítač, nevyžaduje externí PC</t>
  </si>
  <si>
    <t>3) Rozměry a pracovní plocha</t>
  </si>
  <si>
    <t>Účinná kreslicí plocha:</t>
  </si>
  <si>
    <t>malé: 6" × 4"</t>
  </si>
  <si>
    <t>střední: 9" × 5"</t>
  </si>
  <si>
    <t>velké: 13" × 8" a více</t>
  </si>
  <si>
    <t>Poměr stran pracovní plochy: 16:9 / 4:3 (volitelně)</t>
  </si>
  <si>
    <t>4) Displej (pokud je integrován)</t>
  </si>
  <si>
    <t>Typ: IPS / OLED (u pen display)</t>
  </si>
  <si>
    <t>Rozlišení: minimálně Full HD (1920 × 1080) u displejových tabletů</t>
  </si>
  <si>
    <t>Jas: ≥ 250 cd/m²</t>
  </si>
  <si>
    <t>Povrch: matné antiblikové sklo/fólie</t>
  </si>
  <si>
    <t>Barevná přesnost: sRGB ≥ 90 % / AdobeRGB ≥ 75 % (u profesionálních modelů)</t>
  </si>
  <si>
    <t>5) Pero a dotyková technologie</t>
  </si>
  <si>
    <t>Typ pery: bezbateriové / elektromagnetické</t>
  </si>
  <si>
    <t>Úrovně přítlaku: min. 2048 (ideálně ≥ 8192)</t>
  </si>
  <si>
    <t>Úroveň náklonu: ± 45°</t>
  </si>
  <si>
    <t>Rozlišení snímání: ≥ 5080 lpi</t>
  </si>
  <si>
    <t>Frekvence vzorkování: ≥ 200 Hz</t>
  </si>
  <si>
    <t>Bezoddálení kurzoru: nízké latence (&lt; 10 ms)</t>
  </si>
  <si>
    <t>6) Povrch a ovládání</t>
  </si>
  <si>
    <t>Povrch: texturovaný povrch napodobující papír</t>
  </si>
  <si>
    <t>Ovládací prvky:</t>
  </si>
  <si>
    <t>programovatelné tlačítka</t>
  </si>
  <si>
    <t>dotykové prvky / kolečko</t>
  </si>
  <si>
    <t xml:space="preserve">možnost gest </t>
  </si>
  <si>
    <t>Ergonomie per: dobře tvarované, výměnné hroty</t>
  </si>
  <si>
    <t>7) Konektivita</t>
  </si>
  <si>
    <t>Rozhraní: USB-C / USB-A</t>
  </si>
  <si>
    <t>Bezdrátové: Bluetooth (volitelně)</t>
  </si>
  <si>
    <t xml:space="preserve">Napájení: přes USB / bateriově / adaptér </t>
  </si>
  <si>
    <t>8) Kompatibilita</t>
  </si>
  <si>
    <t xml:space="preserve">OS: Windows, macOS, Linux </t>
  </si>
  <si>
    <t>Podpora grafických aplikací: Adobe CC, Corel, Clip Studio, Krita atd.</t>
  </si>
  <si>
    <t>Ovladače: pravidelné aktualizace, podpora tablet-sketching softwaru</t>
  </si>
  <si>
    <t>9) Software a funkce</t>
  </si>
  <si>
    <t xml:space="preserve">Dodávaný software: základní kreslicí aplikace </t>
  </si>
  <si>
    <t xml:space="preserve">Podpora gest: zoom, otáčení plátna </t>
  </si>
  <si>
    <t>Možnost vlastního nastavení: profily, klávesové zkratky</t>
  </si>
  <si>
    <t>10) Výdrž a baterie</t>
  </si>
  <si>
    <t xml:space="preserve">Typ baterie: Li-ion </t>
  </si>
  <si>
    <t xml:space="preserve">Výdrž: ≥ 8 hodin kreslení </t>
  </si>
  <si>
    <t xml:space="preserve">Čas nabíjení: ≤ 2 h </t>
  </si>
  <si>
    <t>11) Vzhled a konstrukce</t>
  </si>
  <si>
    <t>Materiál: odolný plast / kovové prvky</t>
  </si>
  <si>
    <t>Design: tenký profil, stabilní konstrukce</t>
  </si>
  <si>
    <t>Výměnné hroty: ano</t>
  </si>
  <si>
    <t>Pevnost: trvanlivé mechanické části</t>
  </si>
  <si>
    <t>Provozní teplota: 5–40 °C</t>
  </si>
  <si>
    <t>Transportní odolnost: standardní</t>
  </si>
  <si>
    <t>13) Bezpečnost a certifikace</t>
  </si>
  <si>
    <t>FCC</t>
  </si>
  <si>
    <t>14) Servis a podpora</t>
  </si>
  <si>
    <t>Podpora výrobce: aktualizace ovladačů</t>
  </si>
  <si>
    <t>Technická dokumentace: EN / CZ</t>
  </si>
  <si>
    <t>Náhradní hroty: dostupné</t>
  </si>
  <si>
    <t>PC stanice           1.1.1.1.1.1.1.3</t>
  </si>
  <si>
    <t>Typ zařízení: VR headset (virtuální realita)</t>
  </si>
  <si>
    <t>Určení: simulace, trénink, výuka, 3D modelování, vizualizace</t>
  </si>
  <si>
    <t>Kategorie:</t>
  </si>
  <si>
    <t>Standalone (samostatné bez PC)</t>
  </si>
  <si>
    <t>PC-tethered (s připojením k počítači)</t>
  </si>
  <si>
    <t>Hybridní nebo enterprise varianta</t>
  </si>
  <si>
    <t>2) Displej a optika</t>
  </si>
  <si>
    <t>Typ displeje: OLED / LCD / fast-switch (min. 90 Hz)</t>
  </si>
  <si>
    <t>Rozlišení na oko: min. 1080 × 1200 px (ideálně vyšší)</t>
  </si>
  <si>
    <t>Celkové rozlišení: min. 2160 × 2160 px (úplné)</t>
  </si>
  <si>
    <t>Obnovovací frekvence: ≥ 90 Hz (ideálně 120 Hz+)</t>
  </si>
  <si>
    <t>Zorné pole (FOV): ≥ 100°</t>
  </si>
  <si>
    <t>Optická korekce: dioptrická korekce / výměnné čočky</t>
  </si>
  <si>
    <t>3) Sledování (tracking)</t>
  </si>
  <si>
    <t>Indoor tracking</t>
  </si>
  <si>
    <t>Senzory: kamery / IR senzory</t>
  </si>
  <si>
    <t>Sledování pozice: 6DoF (6 stupňů volnosti)</t>
  </si>
  <si>
    <t>Sledování rukou: integrované nebo pomocí ovladačů</t>
  </si>
  <si>
    <t>Volitelné funkce</t>
  </si>
  <si>
    <t>Eye Tracking: podpora orientace zrakem</t>
  </si>
  <si>
    <t>Inside-Out tracking: bez externích základnových stanic</t>
  </si>
  <si>
    <t>Externí tracking: přes stanice/senzory (volitelné)</t>
  </si>
  <si>
    <t>4) Ovladače a interakce</t>
  </si>
  <si>
    <t>Ovladače v balení: ano / volitelné</t>
  </si>
  <si>
    <t>Typ ovladačů: 6DoF s hmatovou odezvou</t>
  </si>
  <si>
    <t>Podpora dotykové interakce: ano (hand tracking)</t>
  </si>
  <si>
    <t>Funkce vibrací (haptika): ano (v ideálním případě)</t>
  </si>
  <si>
    <t>5) Výpočetní výkon a konektivita</t>
  </si>
  <si>
    <t>Standalone řešení</t>
  </si>
  <si>
    <t>SoC (CPU/GPU): mobilní platforma pro 3D výkon</t>
  </si>
  <si>
    <t>RAM: minimálně 6–8 GB</t>
  </si>
  <si>
    <t>Úložiště: minimálně 64–128 GB</t>
  </si>
  <si>
    <t>PC-tethered řešení</t>
  </si>
  <si>
    <t>Rozhraní pro datové připojení: USB-C / DP / speciální kabel</t>
  </si>
  <si>
    <t>Minimální požadavky na PC: moderní GPU, silný CPU, USB 3.x</t>
  </si>
  <si>
    <t>6) Audio a mikrofon</t>
  </si>
  <si>
    <t>Integrované reproduktory: ano / zabudované</t>
  </si>
  <si>
    <t>Konektor pro sluchátka: 3,5 mm (volitelně)</t>
  </si>
  <si>
    <t>Integrované mikrofony: ano (s potlačením šumu)</t>
  </si>
  <si>
    <t>Podpora stereo nebo prostorového zvuku</t>
  </si>
  <si>
    <t>7) Pohodlí a ergonomie</t>
  </si>
  <si>
    <t>Nastavitelný pásek: ano</t>
  </si>
  <si>
    <t>Vyvážení hmotnosti: optimalizované pro dlouhé použití</t>
  </si>
  <si>
    <t>Výměnné podložky: hygienické a snadno čistitelné</t>
  </si>
  <si>
    <t>Možnost dioptrické korekce bez brýlí</t>
  </si>
  <si>
    <t>8) Konektivita a rozhraní</t>
  </si>
  <si>
    <t>Wi-Fi: 5 / 6 (pro standalone konektivitu)</t>
  </si>
  <si>
    <t>Bluetooth: ano (např. pro ovladače)</t>
  </si>
  <si>
    <t>USB-C: pro připojení / nabíjení</t>
  </si>
  <si>
    <t>Externí senzory: volitelné</t>
  </si>
  <si>
    <t>9) Napájení a baterie (u standalone)</t>
  </si>
  <si>
    <t>Typ baterie: vestavěná Li-ion</t>
  </si>
  <si>
    <t>Výdrž provozu: ≥ 2–3 hodiny</t>
  </si>
  <si>
    <t>Doba nabíjení: ≤ 2–3 hodiny</t>
  </si>
  <si>
    <t>Podpora rychlého nabíjení: volitelně</t>
  </si>
  <si>
    <t>10) Bezpečnostní prvky</t>
  </si>
  <si>
    <t>Boundary/Guardian systém: ano (ochrana před nárazem do okolí)</t>
  </si>
  <si>
    <t>Zóna bezpečí: konfigurovatelná</t>
  </si>
  <si>
    <t>Automatické přerušení při pádu / ztrátě kontroly</t>
  </si>
  <si>
    <t>11) Kompatibilita a software</t>
  </si>
  <si>
    <t>Podpora platform: Windows / macOS / Android (standalone)</t>
  </si>
  <si>
    <t>Podpora aplikací: Unity / Unreal / VR training / 3D vizualizace</t>
  </si>
  <si>
    <t>Aktualizace firmwaru: pravidelně dostupné</t>
  </si>
  <si>
    <t>Nepřetržitý provoz: dle typu zařízení</t>
  </si>
  <si>
    <t>13) Certifikace</t>
  </si>
  <si>
    <t>Další relevantní bezpečnostní standardy</t>
  </si>
  <si>
    <t>Záruka: min. 12–24 měsíců</t>
  </si>
  <si>
    <t>Dostupnost náhradních dílů: min. 3 roky</t>
  </si>
  <si>
    <t>Zákaznická podpora: dostupná</t>
  </si>
  <si>
    <t>Grafický monitor      1.1.1.1.2.1.1.2</t>
  </si>
  <si>
    <t>Grafický tablet      1.1.1.1.2.1.1.2</t>
  </si>
  <si>
    <t>Typ zařízení: přenosný počítač pro kreativní práci</t>
  </si>
  <si>
    <t>Určení: úprava fotografií, střih videa, grafika, multimédia</t>
  </si>
  <si>
    <t>Použití: školní studio, výuka, studentská a poloprofesionální produkce</t>
  </si>
  <si>
    <t>Provoz: mobilní i stacionární</t>
  </si>
  <si>
    <t>Typ šasi: tenké a výkonné provedení (performance notebook)</t>
  </si>
  <si>
    <t>Materiál: hliník / hořčíková slitina / vyztužený plast</t>
  </si>
  <si>
    <t>Klávesnice: plnohodnotná, podsvícená</t>
  </si>
  <si>
    <t>Touchpad: přesný, vícedotykový</t>
  </si>
  <si>
    <t>Odolnost: proti běžnému opotřebení</t>
  </si>
  <si>
    <t>3) Displej</t>
  </si>
  <si>
    <t>Úhlopříčka: cca 14" – 17"</t>
  </si>
  <si>
    <t>Rozlišení: min. Full HD, doporučeno QHD / 4K</t>
  </si>
  <si>
    <t>Typ panelu: IPS / OLED</t>
  </si>
  <si>
    <t>sRGB ≥ 100 %</t>
  </si>
  <si>
    <t>AdobeRGB / DCI-P3 ≥ 90 % (doporučeno)</t>
  </si>
  <si>
    <t>Povrch: matný / antireflexní</t>
  </si>
  <si>
    <t>Kalibrace: tovární / softwarová podpora</t>
  </si>
  <si>
    <t>4) Procesor (CPU)</t>
  </si>
  <si>
    <t>Architektura: x86-64 / ARM (výkonná platforma)</t>
  </si>
  <si>
    <t>Počet jader: min. 6–8 jader</t>
  </si>
  <si>
    <t>Výkon: vhodný pro render a export videa</t>
  </si>
  <si>
    <t>Podpora akcelerace: ano (multimediální kodeky)</t>
  </si>
  <si>
    <t>5) Operační paměť (RAM)</t>
  </si>
  <si>
    <t>Typ: DDR4 / DDR5 / LPDDR</t>
  </si>
  <si>
    <t>Kapacita: min. 16 GB</t>
  </si>
  <si>
    <t>Doporučeno: 32 GB+</t>
  </si>
  <si>
    <t>Rozšiřitelnost: ano / částečně (dle konstrukce)</t>
  </si>
  <si>
    <t>6) Datové úložiště</t>
  </si>
  <si>
    <t>Typ: SSD (NVMe)</t>
  </si>
  <si>
    <t>Kapacita: min. 512 GB</t>
  </si>
  <si>
    <t>Doporučeno: 1 TB+</t>
  </si>
  <si>
    <t>Možnost rozšíření: další slot / externí disky</t>
  </si>
  <si>
    <t>Rychlost: vysoká pro práci s videem</t>
  </si>
  <si>
    <t>7) Grafická karta (GPU)</t>
  </si>
  <si>
    <t>Typ:</t>
  </si>
  <si>
    <t>výkonná integrovaná</t>
  </si>
  <si>
    <t>nebo dedikovaná GPU</t>
  </si>
  <si>
    <t>Paměť: sdílená / vlastní (min. několik GB)</t>
  </si>
  <si>
    <t>Akcelerace: podpora CUDA / OpenCL / Metal / DirectX</t>
  </si>
  <si>
    <t>Využití: render, efekty, export</t>
  </si>
  <si>
    <t>8) Konektivita a porty</t>
  </si>
  <si>
    <t>USB-A / USB-C / Thunderbolt</t>
  </si>
  <si>
    <t>Čtečka SD karet (doporučeno)</t>
  </si>
  <si>
    <t>Audio jack</t>
  </si>
  <si>
    <t>Síť</t>
  </si>
  <si>
    <t>Wi-Fi 6 / 6E</t>
  </si>
  <si>
    <t>Bluetooth</t>
  </si>
  <si>
    <t>LAN (přes adaptér – volitelně)</t>
  </si>
  <si>
    <t>9) Kamera, audio a multimédia</t>
  </si>
  <si>
    <t>Webkamera: min. Full HD</t>
  </si>
  <si>
    <t>Mikrofony: s potlačením šumu</t>
  </si>
  <si>
    <t>Reproduktory: stereo, optimalizované</t>
  </si>
  <si>
    <t>Podpora externí techniky: ano</t>
  </si>
  <si>
    <t>10) Operační systém a software</t>
  </si>
  <si>
    <t>Operační systém: Windows / macOS / Linux</t>
  </si>
  <si>
    <t>Kompatibilita: Adobe CC, DaVinci Resolve, Affinity, Capture One apod.</t>
  </si>
  <si>
    <t>Ovladače: pravidelné aktualizace</t>
  </si>
  <si>
    <t>Podpora barevných profilů: ICC</t>
  </si>
  <si>
    <t>11) Napájení a baterie</t>
  </si>
  <si>
    <t>Typ baterie: Li-ion / Li-Pol</t>
  </si>
  <si>
    <t>Výdrž: min. 6–10 hodin běžné práce</t>
  </si>
  <si>
    <t>Nabíjení: USB-C / proprietární adaptér</t>
  </si>
  <si>
    <t>Rychlonabíjení: volitelně</t>
  </si>
  <si>
    <t>12) Chlazení a výkon</t>
  </si>
  <si>
    <t>Typ chlazení: aktivní (více ventilátorů / heatpipe)</t>
  </si>
  <si>
    <t>Regulace výkonu: dynamická</t>
  </si>
  <si>
    <t>Tepelný management: optimalizovaný pro zátěž</t>
  </si>
  <si>
    <t>Hlučnost: přiměřená při renderingu</t>
  </si>
  <si>
    <t>13) Bezpečnost</t>
  </si>
  <si>
    <t>TPM / Secure Enclave</t>
  </si>
  <si>
    <t>Čtečka otisku prstu / IR kamera (volitelně)</t>
  </si>
  <si>
    <t>Šifrování disku</t>
  </si>
  <si>
    <t>BIOS/UEFI ochrana</t>
  </si>
  <si>
    <t>14) Mobilita</t>
  </si>
  <si>
    <t>Hmotnost: cca 1,5–2,5 kg</t>
  </si>
  <si>
    <t>Tloušťka: kompaktní provedení</t>
  </si>
  <si>
    <t>Přenositelnost: vhodná pro školní použití</t>
  </si>
  <si>
    <t>Odolnost pantů: vysoká</t>
  </si>
  <si>
    <t>15) Příslušenství</t>
  </si>
  <si>
    <t>Napájecí adaptér</t>
  </si>
  <si>
    <t>Ochranný obal / brašna</t>
  </si>
  <si>
    <t>Redukce portů (volitelně)</t>
  </si>
  <si>
    <t>Stylus (u dotykových modelů – volitelně)</t>
  </si>
  <si>
    <t>16) Provozní podmínky</t>
  </si>
  <si>
    <t>Teplota: 5–35 °C</t>
  </si>
  <si>
    <t>Vlhkost: do 85 % RH</t>
  </si>
  <si>
    <t>Použití: interiér / mobilní pracoviště</t>
  </si>
  <si>
    <t>17) Životnost</t>
  </si>
  <si>
    <t>Minimální životnost: 6–8 let</t>
  </si>
  <si>
    <t>Odolnost komponent: vysoká</t>
  </si>
  <si>
    <t>Softwarová podpora: dlouhodobá</t>
  </si>
  <si>
    <t>18) Certifikace a normy</t>
  </si>
  <si>
    <t>ENERGY STAR</t>
  </si>
  <si>
    <t>EMC</t>
  </si>
  <si>
    <t>ISO výrobce (volitelně)</t>
  </si>
  <si>
    <t>19) Servis a podpora</t>
  </si>
  <si>
    <t>Dostupnost náhradních dílů: min. 5 let</t>
  </si>
  <si>
    <t>Technická dokumentace: CZ / EN</t>
  </si>
  <si>
    <t>Notebook (pro zpracování fotografií a videa)      1.1.1.1.1.1.1.7</t>
  </si>
  <si>
    <t>VR brýle                 1.1.1.1.2.1.1.2</t>
  </si>
  <si>
    <t>CENA CELKEM</t>
  </si>
  <si>
    <t>Příloha č.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4" formatCode="_-* #,##0.00\ &quot;Kč&quot;_-;\-* #,##0.00\ &quot;Kč&quot;_-;_-* &quot;-&quot;??\ &quot;Kč&quot;_-;_-@_-"/>
    <numFmt numFmtId="164" formatCode="#,##0\ &quot;Kč&quot;"/>
  </numFmts>
  <fonts count="10">
    <font>
      <sz val="11"/>
      <color theme="1"/>
      <name val="Aptos Narrow"/>
      <family val="2"/>
      <charset val="238"/>
      <scheme val="minor"/>
    </font>
    <font>
      <sz val="11"/>
      <name val="Calibri"/>
      <family val="2"/>
      <charset val="238"/>
    </font>
    <font>
      <sz val="12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12"/>
      <name val="Arial"/>
      <family val="2"/>
      <charset val="238"/>
    </font>
    <font>
      <sz val="12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color rgb="FF0070C0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el"/>
      <charset val="238"/>
    </font>
  </fonts>
  <fills count="6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9BC2E6"/>
        <bgColor indexed="64"/>
      </patternFill>
    </fill>
    <fill>
      <patternFill patternType="solid">
        <fgColor theme="3" tint="0.749992370372631"/>
        <bgColor indexed="64"/>
      </patternFill>
    </fill>
  </fills>
  <borders count="18">
    <border>
      <left/>
      <right/>
      <top/>
      <bottom/>
      <diagonal/>
    </border>
    <border>
      <left style="medium">
        <color theme="0" tint="-0.499984740745262"/>
      </left>
      <right/>
      <top style="medium">
        <color theme="0" tint="-0.499984740745262"/>
      </top>
      <bottom style="medium">
        <color theme="0" tint="-0.499984740745262"/>
      </bottom>
      <diagonal/>
    </border>
    <border>
      <left/>
      <right/>
      <top style="medium">
        <color theme="0" tint="-0.499984740745262"/>
      </top>
      <bottom style="medium">
        <color theme="0" tint="-0.499984740745262"/>
      </bottom>
      <diagonal/>
    </border>
    <border>
      <left/>
      <right style="medium">
        <color theme="0" tint="-0.499984740745262"/>
      </right>
      <top style="medium">
        <color theme="0" tint="-0.499984740745262"/>
      </top>
      <bottom style="medium">
        <color theme="0" tint="-0.4999847407452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theme="0" tint="-0.499984740745262"/>
      </left>
      <right style="thin">
        <color theme="0" tint="-0.499984740745262"/>
      </right>
      <top style="medium">
        <color theme="0" tint="-0.499984740745262"/>
      </top>
      <bottom/>
      <diagonal/>
    </border>
    <border>
      <left style="thin">
        <color theme="0" tint="-0.499984740745262"/>
      </left>
      <right style="thin">
        <color theme="0" tint="-0.499984740745262"/>
      </right>
      <top style="medium">
        <color theme="0" tint="-0.499984740745262"/>
      </top>
      <bottom/>
      <diagonal/>
    </border>
    <border>
      <left style="thin">
        <color theme="0" tint="-0.499984740745262"/>
      </left>
      <right style="medium">
        <color theme="0" tint="-0.499984740745262"/>
      </right>
      <top style="medium">
        <color theme="0" tint="-0.499984740745262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theme="0" tint="-0.499984740745262"/>
      </bottom>
      <diagonal/>
    </border>
  </borders>
  <cellStyleXfs count="2">
    <xf numFmtId="0" fontId="0" fillId="0" borderId="0"/>
    <xf numFmtId="0" fontId="1" fillId="0" borderId="0"/>
  </cellStyleXfs>
  <cellXfs count="64">
    <xf numFmtId="0" fontId="0" fillId="0" borderId="0" xfId="0"/>
    <xf numFmtId="0" fontId="2" fillId="0" borderId="0" xfId="0" applyFont="1"/>
    <xf numFmtId="0" fontId="2" fillId="0" borderId="0" xfId="0" applyFont="1" applyAlignment="1">
      <alignment wrapText="1"/>
    </xf>
    <xf numFmtId="0" fontId="8" fillId="0" borderId="0" xfId="0" applyFont="1"/>
    <xf numFmtId="0" fontId="3" fillId="4" borderId="1" xfId="0" applyFont="1" applyFill="1" applyBorder="1" applyAlignment="1">
      <alignment vertical="center" wrapText="1"/>
    </xf>
    <xf numFmtId="0" fontId="6" fillId="3" borderId="5" xfId="0" applyFont="1" applyFill="1" applyBorder="1" applyAlignment="1">
      <alignment vertical="center" wrapText="1"/>
    </xf>
    <xf numFmtId="0" fontId="6" fillId="3" borderId="6" xfId="0" applyFont="1" applyFill="1" applyBorder="1" applyAlignment="1">
      <alignment horizontal="center" vertical="center"/>
    </xf>
    <xf numFmtId="0" fontId="7" fillId="3" borderId="6" xfId="0" applyFont="1" applyFill="1" applyBorder="1" applyAlignment="1">
      <alignment horizontal="center" vertical="center" wrapText="1"/>
    </xf>
    <xf numFmtId="0" fontId="6" fillId="3" borderId="6" xfId="0" applyFont="1" applyFill="1" applyBorder="1" applyAlignment="1">
      <alignment vertical="center"/>
    </xf>
    <xf numFmtId="0" fontId="6" fillId="3" borderId="6" xfId="0" applyFont="1" applyFill="1" applyBorder="1" applyAlignment="1">
      <alignment vertical="center" wrapText="1"/>
    </xf>
    <xf numFmtId="0" fontId="6" fillId="3" borderId="7" xfId="0" applyFont="1" applyFill="1" applyBorder="1" applyAlignment="1">
      <alignment vertical="center" wrapText="1"/>
    </xf>
    <xf numFmtId="0" fontId="0" fillId="0" borderId="4" xfId="0" applyBorder="1"/>
    <xf numFmtId="0" fontId="0" fillId="0" borderId="9" xfId="0" applyBorder="1"/>
    <xf numFmtId="0" fontId="0" fillId="0" borderId="10" xfId="0" applyBorder="1"/>
    <xf numFmtId="0" fontId="0" fillId="0" borderId="12" xfId="0" applyBorder="1"/>
    <xf numFmtId="44" fontId="2" fillId="0" borderId="4" xfId="0" applyNumberFormat="1" applyFont="1" applyBorder="1"/>
    <xf numFmtId="0" fontId="2" fillId="0" borderId="17" xfId="0" applyFont="1" applyBorder="1" applyAlignment="1">
      <alignment horizontal="center"/>
    </xf>
    <xf numFmtId="44" fontId="2" fillId="2" borderId="12" xfId="0" applyNumberFormat="1" applyFont="1" applyFill="1" applyBorder="1" applyAlignment="1">
      <alignment horizontal="center" vertical="center"/>
    </xf>
    <xf numFmtId="44" fontId="2" fillId="2" borderId="4" xfId="0" applyNumberFormat="1" applyFont="1" applyFill="1" applyBorder="1" applyAlignment="1">
      <alignment horizontal="center" vertical="center"/>
    </xf>
    <xf numFmtId="44" fontId="2" fillId="2" borderId="10" xfId="0" applyNumberFormat="1" applyFont="1" applyFill="1" applyBorder="1" applyAlignment="1">
      <alignment horizontal="center" vertical="center"/>
    </xf>
    <xf numFmtId="0" fontId="9" fillId="0" borderId="9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44" fontId="3" fillId="5" borderId="9" xfId="0" applyNumberFormat="1" applyFont="1" applyFill="1" applyBorder="1" applyAlignment="1">
      <alignment horizontal="center" vertical="center"/>
    </xf>
    <xf numFmtId="44" fontId="3" fillId="5" borderId="4" xfId="0" applyNumberFormat="1" applyFont="1" applyFill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44" fontId="2" fillId="2" borderId="9" xfId="0" applyNumberFormat="1" applyFont="1" applyFill="1" applyBorder="1" applyAlignment="1">
      <alignment horizontal="center" vertical="center"/>
    </xf>
    <xf numFmtId="0" fontId="9" fillId="0" borderId="12" xfId="0" applyFont="1" applyBorder="1" applyAlignment="1">
      <alignment horizontal="center" vertical="center" wrapText="1"/>
    </xf>
    <xf numFmtId="0" fontId="9" fillId="0" borderId="10" xfId="0" applyFont="1" applyBorder="1" applyAlignment="1">
      <alignment horizontal="center" vertical="center" wrapText="1"/>
    </xf>
    <xf numFmtId="44" fontId="3" fillId="5" borderId="12" xfId="0" applyNumberFormat="1" applyFont="1" applyFill="1" applyBorder="1" applyAlignment="1">
      <alignment horizontal="center" vertical="center"/>
    </xf>
    <xf numFmtId="44" fontId="3" fillId="5" borderId="10" xfId="0" applyNumberFormat="1" applyFont="1" applyFill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2" borderId="12" xfId="0" applyFont="1" applyFill="1" applyBorder="1" applyAlignment="1">
      <alignment horizontal="center" vertical="center"/>
    </xf>
    <xf numFmtId="0" fontId="2" fillId="2" borderId="10" xfId="0" applyFont="1" applyFill="1" applyBorder="1" applyAlignment="1">
      <alignment horizontal="center" vertical="center"/>
    </xf>
    <xf numFmtId="0" fontId="3" fillId="0" borderId="8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44" fontId="3" fillId="5" borderId="8" xfId="0" applyNumberFormat="1" applyFont="1" applyFill="1" applyBorder="1" applyAlignment="1">
      <alignment horizontal="center" vertical="center"/>
    </xf>
    <xf numFmtId="44" fontId="3" fillId="5" borderId="11" xfId="0" applyNumberFormat="1" applyFont="1" applyFill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4" xfId="0" applyFont="1" applyBorder="1" applyAlignment="1">
      <alignment horizontal="left"/>
    </xf>
    <xf numFmtId="0" fontId="2" fillId="0" borderId="15" xfId="0" applyFont="1" applyBorder="1" applyAlignment="1">
      <alignment horizontal="left"/>
    </xf>
    <xf numFmtId="0" fontId="2" fillId="0" borderId="16" xfId="0" applyFont="1" applyBorder="1" applyAlignment="1">
      <alignment horizontal="left"/>
    </xf>
    <xf numFmtId="0" fontId="3" fillId="4" borderId="2" xfId="0" applyFont="1" applyFill="1" applyBorder="1" applyAlignment="1">
      <alignment horizontal="center" vertical="center"/>
    </xf>
    <xf numFmtId="0" fontId="3" fillId="4" borderId="3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center"/>
    </xf>
    <xf numFmtId="0" fontId="3" fillId="2" borderId="2" xfId="0" applyFont="1" applyFill="1" applyBorder="1" applyAlignment="1">
      <alignment horizontal="center"/>
    </xf>
    <xf numFmtId="0" fontId="3" fillId="2" borderId="3" xfId="0" applyFont="1" applyFill="1" applyBorder="1" applyAlignment="1">
      <alignment horizontal="center"/>
    </xf>
    <xf numFmtId="0" fontId="4" fillId="0" borderId="4" xfId="1" applyFont="1" applyBorder="1" applyAlignment="1">
      <alignment horizontal="center" vertical="center" wrapText="1"/>
    </xf>
    <xf numFmtId="0" fontId="4" fillId="0" borderId="10" xfId="1" applyFont="1" applyBorder="1" applyAlignment="1">
      <alignment horizontal="center" vertical="center" wrapText="1"/>
    </xf>
    <xf numFmtId="44" fontId="4" fillId="4" borderId="4" xfId="0" applyNumberFormat="1" applyFont="1" applyFill="1" applyBorder="1" applyAlignment="1">
      <alignment horizontal="center" vertical="center" wrapText="1"/>
    </xf>
    <xf numFmtId="44" fontId="4" fillId="4" borderId="10" xfId="0" applyNumberFormat="1" applyFont="1" applyFill="1" applyBorder="1" applyAlignment="1">
      <alignment horizontal="center" vertical="center" wrapText="1"/>
    </xf>
    <xf numFmtId="164" fontId="4" fillId="4" borderId="4" xfId="0" applyNumberFormat="1" applyFont="1" applyFill="1" applyBorder="1" applyAlignment="1">
      <alignment horizontal="center" vertical="center" wrapText="1"/>
    </xf>
    <xf numFmtId="164" fontId="4" fillId="4" borderId="10" xfId="0" applyNumberFormat="1" applyFont="1" applyFill="1" applyBorder="1" applyAlignment="1">
      <alignment horizontal="center" vertical="center" wrapText="1"/>
    </xf>
    <xf numFmtId="1" fontId="5" fillId="0" borderId="4" xfId="1" applyNumberFormat="1" applyFont="1" applyBorder="1" applyAlignment="1">
      <alignment horizontal="center" vertical="center"/>
    </xf>
    <xf numFmtId="1" fontId="5" fillId="0" borderId="10" xfId="1" applyNumberFormat="1" applyFont="1" applyBorder="1" applyAlignment="1">
      <alignment horizontal="center" vertical="center"/>
    </xf>
    <xf numFmtId="44" fontId="2" fillId="2" borderId="13" xfId="0" applyNumberFormat="1" applyFont="1" applyFill="1" applyBorder="1" applyAlignment="1">
      <alignment horizontal="center" vertical="center"/>
    </xf>
    <xf numFmtId="44" fontId="2" fillId="2" borderId="8" xfId="0" applyNumberFormat="1" applyFont="1" applyFill="1" applyBorder="1" applyAlignment="1">
      <alignment horizontal="center" vertical="center"/>
    </xf>
    <xf numFmtId="44" fontId="2" fillId="2" borderId="11" xfId="0" applyNumberFormat="1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2" borderId="11" xfId="0" applyFont="1" applyFill="1" applyBorder="1" applyAlignment="1">
      <alignment horizontal="center" vertical="center"/>
    </xf>
  </cellXfs>
  <cellStyles count="2">
    <cellStyle name="Normální" xfId="0" builtinId="0"/>
    <cellStyle name="Normální 2 5" xfId="1" xr:uid="{F14F6A61-92C0-4818-8D31-4ADE4410C79D}"/>
  </cellStyles>
  <dxfs count="0"/>
  <tableStyles count="0" defaultTableStyle="TableStyleMedium2" defaultPivotStyle="PivotStyleLight16"/>
  <colors>
    <mruColors>
      <color rgb="FF92D050"/>
      <color rgb="FF0070C0"/>
      <color rgb="FF9BC2E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iv 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81036E-A14D-425A-83B0-0A6742D1D0AA}">
  <sheetPr>
    <pageSetUpPr fitToPage="1"/>
  </sheetPr>
  <dimension ref="B1:K496"/>
  <sheetViews>
    <sheetView tabSelected="1" topLeftCell="A337" zoomScale="70" zoomScaleNormal="70" workbookViewId="0">
      <selection activeCell="H309" sqref="H309:H387"/>
    </sheetView>
  </sheetViews>
  <sheetFormatPr defaultColWidth="9.140625" defaultRowHeight="15"/>
  <cols>
    <col min="1" max="1" width="5.7109375" style="1" customWidth="1"/>
    <col min="2" max="2" width="28.85546875" style="2" customWidth="1"/>
    <col min="3" max="3" width="71.140625" style="1" customWidth="1"/>
    <col min="4" max="5" width="25" style="1" customWidth="1"/>
    <col min="6" max="7" width="9.140625" style="1"/>
    <col min="8" max="9" width="15.7109375" style="1" customWidth="1"/>
    <col min="10" max="10" width="22.85546875" style="1" customWidth="1"/>
    <col min="11" max="11" width="26.42578125" style="1" customWidth="1"/>
    <col min="12" max="16384" width="9.140625" style="1"/>
  </cols>
  <sheetData>
    <row r="1" spans="2:11" ht="15.75" thickBot="1">
      <c r="J1" s="16" t="s">
        <v>476</v>
      </c>
      <c r="K1" s="16"/>
    </row>
    <row r="2" spans="2:11" ht="16.5" thickBot="1">
      <c r="B2" s="4" t="s">
        <v>160</v>
      </c>
      <c r="C2" s="46" t="s">
        <v>161</v>
      </c>
      <c r="D2" s="46"/>
      <c r="E2" s="46"/>
      <c r="F2" s="46"/>
      <c r="G2" s="46"/>
      <c r="H2" s="46"/>
      <c r="I2" s="46"/>
      <c r="J2" s="46"/>
      <c r="K2" s="47"/>
    </row>
    <row r="3" spans="2:11" ht="15.75" thickBot="1"/>
    <row r="4" spans="2:11" ht="16.5" thickBot="1">
      <c r="F4" s="48" t="s">
        <v>0</v>
      </c>
      <c r="G4" s="49"/>
      <c r="H4" s="49"/>
      <c r="I4" s="49"/>
      <c r="J4" s="49"/>
      <c r="K4" s="50"/>
    </row>
    <row r="5" spans="2:11" s="3" customFormat="1" ht="38.25">
      <c r="B5" s="5" t="s">
        <v>9</v>
      </c>
      <c r="C5" s="6" t="s">
        <v>10</v>
      </c>
      <c r="D5" s="7" t="s">
        <v>1</v>
      </c>
      <c r="E5" s="7" t="s">
        <v>2</v>
      </c>
      <c r="F5" s="8" t="s">
        <v>3</v>
      </c>
      <c r="G5" s="8" t="s">
        <v>4</v>
      </c>
      <c r="H5" s="9" t="s">
        <v>5</v>
      </c>
      <c r="I5" s="9" t="s">
        <v>6</v>
      </c>
      <c r="J5" s="10" t="s">
        <v>7</v>
      </c>
      <c r="K5" s="10" t="s">
        <v>8</v>
      </c>
    </row>
    <row r="6" spans="2:11" ht="33" customHeight="1">
      <c r="B6" s="51" t="s">
        <v>11</v>
      </c>
      <c r="C6" s="11" t="s">
        <v>12</v>
      </c>
      <c r="D6" s="53">
        <v>99173.55</v>
      </c>
      <c r="E6" s="55">
        <v>120000</v>
      </c>
      <c r="F6" s="57">
        <v>1</v>
      </c>
      <c r="G6" s="25" t="s">
        <v>162</v>
      </c>
      <c r="H6" s="18"/>
      <c r="I6" s="18">
        <v>0</v>
      </c>
      <c r="J6" s="18">
        <f>(F6*H6)</f>
        <v>0</v>
      </c>
      <c r="K6" s="59">
        <f>(F6*H6)*1.21</f>
        <v>0</v>
      </c>
    </row>
    <row r="7" spans="2:11" ht="15.75">
      <c r="B7" s="51"/>
      <c r="C7" s="11" t="s">
        <v>13</v>
      </c>
      <c r="D7" s="53"/>
      <c r="E7" s="55"/>
      <c r="F7" s="57"/>
      <c r="G7" s="25"/>
      <c r="H7" s="18"/>
      <c r="I7" s="18"/>
      <c r="J7" s="18"/>
      <c r="K7" s="60"/>
    </row>
    <row r="8" spans="2:11" ht="24.95" customHeight="1">
      <c r="B8" s="51"/>
      <c r="C8" s="11" t="s">
        <v>14</v>
      </c>
      <c r="D8" s="53"/>
      <c r="E8" s="55"/>
      <c r="F8" s="57"/>
      <c r="G8" s="25"/>
      <c r="H8" s="18"/>
      <c r="I8" s="18"/>
      <c r="J8" s="18"/>
      <c r="K8" s="60"/>
    </row>
    <row r="9" spans="2:11" ht="15.75">
      <c r="B9" s="51"/>
      <c r="C9" s="11" t="s">
        <v>15</v>
      </c>
      <c r="D9" s="53"/>
      <c r="E9" s="55"/>
      <c r="F9" s="57"/>
      <c r="G9" s="25"/>
      <c r="H9" s="18"/>
      <c r="I9" s="18"/>
      <c r="J9" s="18"/>
      <c r="K9" s="60"/>
    </row>
    <row r="10" spans="2:11" ht="15.75">
      <c r="B10" s="51"/>
      <c r="C10" s="11" t="s">
        <v>16</v>
      </c>
      <c r="D10" s="53"/>
      <c r="E10" s="55"/>
      <c r="F10" s="57"/>
      <c r="G10" s="25"/>
      <c r="H10" s="18"/>
      <c r="I10" s="18"/>
      <c r="J10" s="18"/>
      <c r="K10" s="60"/>
    </row>
    <row r="11" spans="2:11" ht="15.75">
      <c r="B11" s="51"/>
      <c r="C11" s="11" t="s">
        <v>17</v>
      </c>
      <c r="D11" s="53"/>
      <c r="E11" s="55"/>
      <c r="F11" s="57"/>
      <c r="G11" s="25"/>
      <c r="H11" s="18"/>
      <c r="I11" s="18"/>
      <c r="J11" s="18"/>
      <c r="K11" s="60"/>
    </row>
    <row r="12" spans="2:11" ht="15.75">
      <c r="B12" s="51"/>
      <c r="C12" s="11" t="s">
        <v>18</v>
      </c>
      <c r="D12" s="53"/>
      <c r="E12" s="55"/>
      <c r="F12" s="57"/>
      <c r="G12" s="25"/>
      <c r="H12" s="18"/>
      <c r="I12" s="18"/>
      <c r="J12" s="18"/>
      <c r="K12" s="60"/>
    </row>
    <row r="13" spans="2:11" ht="15.75">
      <c r="B13" s="51"/>
      <c r="C13" s="11" t="s">
        <v>19</v>
      </c>
      <c r="D13" s="53"/>
      <c r="E13" s="55"/>
      <c r="F13" s="57"/>
      <c r="G13" s="25"/>
      <c r="H13" s="18"/>
      <c r="I13" s="18"/>
      <c r="J13" s="18"/>
      <c r="K13" s="60"/>
    </row>
    <row r="14" spans="2:11" ht="15.75">
      <c r="B14" s="51"/>
      <c r="C14" s="11" t="s">
        <v>20</v>
      </c>
      <c r="D14" s="53"/>
      <c r="E14" s="55"/>
      <c r="F14" s="57"/>
      <c r="G14" s="25"/>
      <c r="H14" s="18"/>
      <c r="I14" s="18"/>
      <c r="J14" s="18"/>
      <c r="K14" s="60"/>
    </row>
    <row r="15" spans="2:11" ht="15.75">
      <c r="B15" s="51"/>
      <c r="C15" s="11" t="s">
        <v>21</v>
      </c>
      <c r="D15" s="53"/>
      <c r="E15" s="55"/>
      <c r="F15" s="57"/>
      <c r="G15" s="25"/>
      <c r="H15" s="18"/>
      <c r="I15" s="18"/>
      <c r="J15" s="18"/>
      <c r="K15" s="60"/>
    </row>
    <row r="16" spans="2:11" ht="15.75">
      <c r="B16" s="51"/>
      <c r="C16" s="11" t="s">
        <v>22</v>
      </c>
      <c r="D16" s="53"/>
      <c r="E16" s="55"/>
      <c r="F16" s="57"/>
      <c r="G16" s="25"/>
      <c r="H16" s="18"/>
      <c r="I16" s="18"/>
      <c r="J16" s="18"/>
      <c r="K16" s="60"/>
    </row>
    <row r="17" spans="2:11" ht="15.75">
      <c r="B17" s="51"/>
      <c r="C17" s="11" t="s">
        <v>23</v>
      </c>
      <c r="D17" s="53"/>
      <c r="E17" s="55"/>
      <c r="F17" s="57"/>
      <c r="G17" s="25"/>
      <c r="H17" s="18"/>
      <c r="I17" s="18"/>
      <c r="J17" s="18"/>
      <c r="K17" s="60"/>
    </row>
    <row r="18" spans="2:11" ht="15.75">
      <c r="B18" s="51"/>
      <c r="C18" s="11" t="s">
        <v>24</v>
      </c>
      <c r="D18" s="53"/>
      <c r="E18" s="55"/>
      <c r="F18" s="57"/>
      <c r="G18" s="25"/>
      <c r="H18" s="18"/>
      <c r="I18" s="18"/>
      <c r="J18" s="18"/>
      <c r="K18" s="60"/>
    </row>
    <row r="19" spans="2:11" ht="15.75">
      <c r="B19" s="51"/>
      <c r="C19" s="11" t="s">
        <v>25</v>
      </c>
      <c r="D19" s="53"/>
      <c r="E19" s="55"/>
      <c r="F19" s="57"/>
      <c r="G19" s="25"/>
      <c r="H19" s="18"/>
      <c r="I19" s="18"/>
      <c r="J19" s="18"/>
      <c r="K19" s="60"/>
    </row>
    <row r="20" spans="2:11" ht="15.75">
      <c r="B20" s="51"/>
      <c r="C20" s="11" t="s">
        <v>26</v>
      </c>
      <c r="D20" s="53"/>
      <c r="E20" s="55"/>
      <c r="F20" s="57"/>
      <c r="G20" s="25"/>
      <c r="H20" s="18"/>
      <c r="I20" s="18"/>
      <c r="J20" s="18"/>
      <c r="K20" s="60"/>
    </row>
    <row r="21" spans="2:11" ht="15.75">
      <c r="B21" s="51"/>
      <c r="C21" s="11" t="s">
        <v>27</v>
      </c>
      <c r="D21" s="53"/>
      <c r="E21" s="55"/>
      <c r="F21" s="57"/>
      <c r="G21" s="25"/>
      <c r="H21" s="18"/>
      <c r="I21" s="18"/>
      <c r="J21" s="18"/>
      <c r="K21" s="60"/>
    </row>
    <row r="22" spans="2:11" ht="15.75">
      <c r="B22" s="51"/>
      <c r="C22" s="11" t="s">
        <v>28</v>
      </c>
      <c r="D22" s="53"/>
      <c r="E22" s="55"/>
      <c r="F22" s="57"/>
      <c r="G22" s="25"/>
      <c r="H22" s="18"/>
      <c r="I22" s="18"/>
      <c r="J22" s="18"/>
      <c r="K22" s="60"/>
    </row>
    <row r="23" spans="2:11" ht="15.75">
      <c r="B23" s="51"/>
      <c r="C23" s="11" t="s">
        <v>29</v>
      </c>
      <c r="D23" s="53"/>
      <c r="E23" s="55"/>
      <c r="F23" s="57"/>
      <c r="G23" s="25"/>
      <c r="H23" s="18"/>
      <c r="I23" s="18"/>
      <c r="J23" s="18"/>
      <c r="K23" s="60"/>
    </row>
    <row r="24" spans="2:11" ht="15.75">
      <c r="B24" s="51"/>
      <c r="C24" s="11" t="s">
        <v>30</v>
      </c>
      <c r="D24" s="53"/>
      <c r="E24" s="55"/>
      <c r="F24" s="57"/>
      <c r="G24" s="25"/>
      <c r="H24" s="18"/>
      <c r="I24" s="18"/>
      <c r="J24" s="18"/>
      <c r="K24" s="60"/>
    </row>
    <row r="25" spans="2:11" ht="15.75">
      <c r="B25" s="51"/>
      <c r="C25" s="11" t="s">
        <v>31</v>
      </c>
      <c r="D25" s="53"/>
      <c r="E25" s="55"/>
      <c r="F25" s="57"/>
      <c r="G25" s="25"/>
      <c r="H25" s="18"/>
      <c r="I25" s="18"/>
      <c r="J25" s="18"/>
      <c r="K25" s="60"/>
    </row>
    <row r="26" spans="2:11" ht="15.75">
      <c r="B26" s="51"/>
      <c r="C26" s="11" t="s">
        <v>32</v>
      </c>
      <c r="D26" s="53"/>
      <c r="E26" s="55"/>
      <c r="F26" s="57"/>
      <c r="G26" s="25"/>
      <c r="H26" s="18"/>
      <c r="I26" s="18"/>
      <c r="J26" s="18"/>
      <c r="K26" s="60"/>
    </row>
    <row r="27" spans="2:11" ht="15.75">
      <c r="B27" s="51"/>
      <c r="C27" s="11" t="s">
        <v>33</v>
      </c>
      <c r="D27" s="53"/>
      <c r="E27" s="55"/>
      <c r="F27" s="57"/>
      <c r="G27" s="25"/>
      <c r="H27" s="18"/>
      <c r="I27" s="18"/>
      <c r="J27" s="18"/>
      <c r="K27" s="60"/>
    </row>
    <row r="28" spans="2:11" ht="15.75">
      <c r="B28" s="51"/>
      <c r="C28" s="11" t="s">
        <v>34</v>
      </c>
      <c r="D28" s="53"/>
      <c r="E28" s="55"/>
      <c r="F28" s="57"/>
      <c r="G28" s="25"/>
      <c r="H28" s="18"/>
      <c r="I28" s="18"/>
      <c r="J28" s="18"/>
      <c r="K28" s="60"/>
    </row>
    <row r="29" spans="2:11" ht="15.75">
      <c r="B29" s="51"/>
      <c r="C29" s="11" t="s">
        <v>35</v>
      </c>
      <c r="D29" s="53"/>
      <c r="E29" s="55"/>
      <c r="F29" s="57"/>
      <c r="G29" s="25"/>
      <c r="H29" s="18"/>
      <c r="I29" s="18"/>
      <c r="J29" s="18"/>
      <c r="K29" s="60"/>
    </row>
    <row r="30" spans="2:11" ht="15.75">
      <c r="B30" s="51"/>
      <c r="C30" s="11" t="s">
        <v>36</v>
      </c>
      <c r="D30" s="53"/>
      <c r="E30" s="55"/>
      <c r="F30" s="57"/>
      <c r="G30" s="25"/>
      <c r="H30" s="18"/>
      <c r="I30" s="18"/>
      <c r="J30" s="18"/>
      <c r="K30" s="60"/>
    </row>
    <row r="31" spans="2:11" ht="15.75">
      <c r="B31" s="51"/>
      <c r="C31" s="11" t="s">
        <v>37</v>
      </c>
      <c r="D31" s="53"/>
      <c r="E31" s="55"/>
      <c r="F31" s="57"/>
      <c r="G31" s="25"/>
      <c r="H31" s="18"/>
      <c r="I31" s="18"/>
      <c r="J31" s="18"/>
      <c r="K31" s="60"/>
    </row>
    <row r="32" spans="2:11" ht="15.75">
      <c r="B32" s="51"/>
      <c r="C32" s="11" t="s">
        <v>38</v>
      </c>
      <c r="D32" s="53"/>
      <c r="E32" s="55"/>
      <c r="F32" s="57"/>
      <c r="G32" s="25"/>
      <c r="H32" s="18"/>
      <c r="I32" s="18"/>
      <c r="J32" s="18"/>
      <c r="K32" s="60"/>
    </row>
    <row r="33" spans="2:11" ht="15.75">
      <c r="B33" s="51"/>
      <c r="C33" s="11" t="s">
        <v>39</v>
      </c>
      <c r="D33" s="53"/>
      <c r="E33" s="55"/>
      <c r="F33" s="57"/>
      <c r="G33" s="25"/>
      <c r="H33" s="18"/>
      <c r="I33" s="18"/>
      <c r="J33" s="18"/>
      <c r="K33" s="60"/>
    </row>
    <row r="34" spans="2:11" ht="15.75">
      <c r="B34" s="51"/>
      <c r="C34" s="11" t="s">
        <v>40</v>
      </c>
      <c r="D34" s="53"/>
      <c r="E34" s="55"/>
      <c r="F34" s="57"/>
      <c r="G34" s="25"/>
      <c r="H34" s="18"/>
      <c r="I34" s="18"/>
      <c r="J34" s="18"/>
      <c r="K34" s="60"/>
    </row>
    <row r="35" spans="2:11" ht="15.75">
      <c r="B35" s="51"/>
      <c r="C35" s="11" t="s">
        <v>41</v>
      </c>
      <c r="D35" s="53"/>
      <c r="E35" s="55"/>
      <c r="F35" s="57"/>
      <c r="G35" s="25"/>
      <c r="H35" s="18"/>
      <c r="I35" s="18"/>
      <c r="J35" s="18"/>
      <c r="K35" s="60"/>
    </row>
    <row r="36" spans="2:11" ht="15.75">
      <c r="B36" s="51"/>
      <c r="C36" s="11" t="s">
        <v>42</v>
      </c>
      <c r="D36" s="53"/>
      <c r="E36" s="55"/>
      <c r="F36" s="57"/>
      <c r="G36" s="25"/>
      <c r="H36" s="18"/>
      <c r="I36" s="18"/>
      <c r="J36" s="18"/>
      <c r="K36" s="60"/>
    </row>
    <row r="37" spans="2:11" ht="15.75">
      <c r="B37" s="51"/>
      <c r="C37" s="11" t="s">
        <v>43</v>
      </c>
      <c r="D37" s="53"/>
      <c r="E37" s="55"/>
      <c r="F37" s="57"/>
      <c r="G37" s="25"/>
      <c r="H37" s="18"/>
      <c r="I37" s="18"/>
      <c r="J37" s="18"/>
      <c r="K37" s="60"/>
    </row>
    <row r="38" spans="2:11" ht="15.75">
      <c r="B38" s="51"/>
      <c r="C38" s="11" t="s">
        <v>44</v>
      </c>
      <c r="D38" s="53"/>
      <c r="E38" s="55"/>
      <c r="F38" s="57"/>
      <c r="G38" s="25"/>
      <c r="H38" s="18"/>
      <c r="I38" s="18"/>
      <c r="J38" s="18"/>
      <c r="K38" s="60"/>
    </row>
    <row r="39" spans="2:11" ht="15.75">
      <c r="B39" s="51"/>
      <c r="C39" s="11" t="s">
        <v>45</v>
      </c>
      <c r="D39" s="53"/>
      <c r="E39" s="55"/>
      <c r="F39" s="57"/>
      <c r="G39" s="25"/>
      <c r="H39" s="18"/>
      <c r="I39" s="18"/>
      <c r="J39" s="18"/>
      <c r="K39" s="60"/>
    </row>
    <row r="40" spans="2:11" ht="15.75">
      <c r="B40" s="51"/>
      <c r="C40" s="11" t="s">
        <v>46</v>
      </c>
      <c r="D40" s="53"/>
      <c r="E40" s="55"/>
      <c r="F40" s="57"/>
      <c r="G40" s="25"/>
      <c r="H40" s="18"/>
      <c r="I40" s="18"/>
      <c r="J40" s="18"/>
      <c r="K40" s="60"/>
    </row>
    <row r="41" spans="2:11" ht="15.75">
      <c r="B41" s="51"/>
      <c r="C41" s="11" t="s">
        <v>47</v>
      </c>
      <c r="D41" s="53"/>
      <c r="E41" s="55"/>
      <c r="F41" s="57"/>
      <c r="G41" s="25"/>
      <c r="H41" s="18"/>
      <c r="I41" s="18"/>
      <c r="J41" s="18"/>
      <c r="K41" s="60"/>
    </row>
    <row r="42" spans="2:11" ht="15.75">
      <c r="B42" s="51"/>
      <c r="C42" s="11" t="s">
        <v>48</v>
      </c>
      <c r="D42" s="53"/>
      <c r="E42" s="55"/>
      <c r="F42" s="57"/>
      <c r="G42" s="25"/>
      <c r="H42" s="18"/>
      <c r="I42" s="18"/>
      <c r="J42" s="18"/>
      <c r="K42" s="60"/>
    </row>
    <row r="43" spans="2:11" ht="15.75">
      <c r="B43" s="51"/>
      <c r="C43" s="11" t="s">
        <v>49</v>
      </c>
      <c r="D43" s="53"/>
      <c r="E43" s="55"/>
      <c r="F43" s="57"/>
      <c r="G43" s="25"/>
      <c r="H43" s="18"/>
      <c r="I43" s="18"/>
      <c r="J43" s="18"/>
      <c r="K43" s="60"/>
    </row>
    <row r="44" spans="2:11" ht="15.75">
      <c r="B44" s="51"/>
      <c r="C44" s="11" t="s">
        <v>50</v>
      </c>
      <c r="D44" s="53"/>
      <c r="E44" s="55"/>
      <c r="F44" s="57"/>
      <c r="G44" s="25"/>
      <c r="H44" s="18"/>
      <c r="I44" s="18"/>
      <c r="J44" s="18"/>
      <c r="K44" s="60"/>
    </row>
    <row r="45" spans="2:11" ht="15.75">
      <c r="B45" s="51"/>
      <c r="C45" s="11" t="s">
        <v>51</v>
      </c>
      <c r="D45" s="53"/>
      <c r="E45" s="55"/>
      <c r="F45" s="57"/>
      <c r="G45" s="25"/>
      <c r="H45" s="18"/>
      <c r="I45" s="18"/>
      <c r="J45" s="18"/>
      <c r="K45" s="60"/>
    </row>
    <row r="46" spans="2:11" ht="15.75">
      <c r="B46" s="51"/>
      <c r="C46" s="11" t="s">
        <v>52</v>
      </c>
      <c r="D46" s="53"/>
      <c r="E46" s="55"/>
      <c r="F46" s="57"/>
      <c r="G46" s="25"/>
      <c r="H46" s="18"/>
      <c r="I46" s="18"/>
      <c r="J46" s="18"/>
      <c r="K46" s="60"/>
    </row>
    <row r="47" spans="2:11" ht="15.75">
      <c r="B47" s="51"/>
      <c r="C47" s="11" t="s">
        <v>53</v>
      </c>
      <c r="D47" s="53"/>
      <c r="E47" s="55"/>
      <c r="F47" s="57"/>
      <c r="G47" s="25"/>
      <c r="H47" s="18"/>
      <c r="I47" s="18"/>
      <c r="J47" s="18"/>
      <c r="K47" s="60"/>
    </row>
    <row r="48" spans="2:11" ht="15.75">
      <c r="B48" s="51"/>
      <c r="C48" s="11" t="s">
        <v>54</v>
      </c>
      <c r="D48" s="53"/>
      <c r="E48" s="55"/>
      <c r="F48" s="57"/>
      <c r="G48" s="25"/>
      <c r="H48" s="18"/>
      <c r="I48" s="18"/>
      <c r="J48" s="18"/>
      <c r="K48" s="60"/>
    </row>
    <row r="49" spans="2:11" ht="15.75">
      <c r="B49" s="51"/>
      <c r="C49" s="11" t="s">
        <v>55</v>
      </c>
      <c r="D49" s="53"/>
      <c r="E49" s="55"/>
      <c r="F49" s="57"/>
      <c r="G49" s="25"/>
      <c r="H49" s="18"/>
      <c r="I49" s="18"/>
      <c r="J49" s="18"/>
      <c r="K49" s="60"/>
    </row>
    <row r="50" spans="2:11" ht="15.75">
      <c r="B50" s="51"/>
      <c r="C50" s="11" t="s">
        <v>56</v>
      </c>
      <c r="D50" s="53"/>
      <c r="E50" s="55"/>
      <c r="F50" s="57"/>
      <c r="G50" s="25"/>
      <c r="H50" s="18"/>
      <c r="I50" s="18"/>
      <c r="J50" s="18"/>
      <c r="K50" s="60"/>
    </row>
    <row r="51" spans="2:11" ht="15.75">
      <c r="B51" s="51"/>
      <c r="C51" s="11" t="s">
        <v>57</v>
      </c>
      <c r="D51" s="53"/>
      <c r="E51" s="55"/>
      <c r="F51" s="57"/>
      <c r="G51" s="25"/>
      <c r="H51" s="18"/>
      <c r="I51" s="18"/>
      <c r="J51" s="18"/>
      <c r="K51" s="60"/>
    </row>
    <row r="52" spans="2:11" ht="15.75">
      <c r="B52" s="51"/>
      <c r="C52" s="11" t="s">
        <v>58</v>
      </c>
      <c r="D52" s="53"/>
      <c r="E52" s="55"/>
      <c r="F52" s="57"/>
      <c r="G52" s="25"/>
      <c r="H52" s="18"/>
      <c r="I52" s="18"/>
      <c r="J52" s="18"/>
      <c r="K52" s="60"/>
    </row>
    <row r="53" spans="2:11" ht="15.75">
      <c r="B53" s="51"/>
      <c r="C53" s="11" t="s">
        <v>59</v>
      </c>
      <c r="D53" s="53"/>
      <c r="E53" s="55"/>
      <c r="F53" s="57"/>
      <c r="G53" s="25"/>
      <c r="H53" s="18"/>
      <c r="I53" s="18"/>
      <c r="J53" s="18"/>
      <c r="K53" s="60"/>
    </row>
    <row r="54" spans="2:11" ht="15.75">
      <c r="B54" s="51"/>
      <c r="C54" s="11" t="s">
        <v>60</v>
      </c>
      <c r="D54" s="53"/>
      <c r="E54" s="55"/>
      <c r="F54" s="57"/>
      <c r="G54" s="25"/>
      <c r="H54" s="18"/>
      <c r="I54" s="18"/>
      <c r="J54" s="18"/>
      <c r="K54" s="60"/>
    </row>
    <row r="55" spans="2:11" ht="15.75">
      <c r="B55" s="51"/>
      <c r="C55" s="11" t="s">
        <v>61</v>
      </c>
      <c r="D55" s="53"/>
      <c r="E55" s="55"/>
      <c r="F55" s="57"/>
      <c r="G55" s="25"/>
      <c r="H55" s="18"/>
      <c r="I55" s="18"/>
      <c r="J55" s="18"/>
      <c r="K55" s="60"/>
    </row>
    <row r="56" spans="2:11" ht="15.75">
      <c r="B56" s="51"/>
      <c r="C56" s="11" t="s">
        <v>62</v>
      </c>
      <c r="D56" s="53"/>
      <c r="E56" s="55"/>
      <c r="F56" s="57"/>
      <c r="G56" s="25"/>
      <c r="H56" s="18"/>
      <c r="I56" s="18"/>
      <c r="J56" s="18"/>
      <c r="K56" s="60"/>
    </row>
    <row r="57" spans="2:11" ht="15.75">
      <c r="B57" s="51"/>
      <c r="C57" s="11" t="s">
        <v>63</v>
      </c>
      <c r="D57" s="53"/>
      <c r="E57" s="55"/>
      <c r="F57" s="57"/>
      <c r="G57" s="25"/>
      <c r="H57" s="18"/>
      <c r="I57" s="18"/>
      <c r="J57" s="18"/>
      <c r="K57" s="60"/>
    </row>
    <row r="58" spans="2:11" ht="15.75">
      <c r="B58" s="51"/>
      <c r="C58" s="11" t="s">
        <v>64</v>
      </c>
      <c r="D58" s="53"/>
      <c r="E58" s="55"/>
      <c r="F58" s="57"/>
      <c r="G58" s="25"/>
      <c r="H58" s="18"/>
      <c r="I58" s="18"/>
      <c r="J58" s="18"/>
      <c r="K58" s="60"/>
    </row>
    <row r="59" spans="2:11" ht="15.75">
      <c r="B59" s="51"/>
      <c r="C59" s="11" t="s">
        <v>65</v>
      </c>
      <c r="D59" s="53"/>
      <c r="E59" s="55"/>
      <c r="F59" s="57"/>
      <c r="G59" s="25"/>
      <c r="H59" s="18"/>
      <c r="I59" s="18"/>
      <c r="J59" s="18"/>
      <c r="K59" s="60"/>
    </row>
    <row r="60" spans="2:11" ht="15.75">
      <c r="B60" s="51"/>
      <c r="C60" s="11" t="s">
        <v>66</v>
      </c>
      <c r="D60" s="53"/>
      <c r="E60" s="55"/>
      <c r="F60" s="57"/>
      <c r="G60" s="25"/>
      <c r="H60" s="18"/>
      <c r="I60" s="18"/>
      <c r="J60" s="18"/>
      <c r="K60" s="60"/>
    </row>
    <row r="61" spans="2:11" ht="15.75">
      <c r="B61" s="51"/>
      <c r="C61" s="11" t="s">
        <v>67</v>
      </c>
      <c r="D61" s="53"/>
      <c r="E61" s="55"/>
      <c r="F61" s="57"/>
      <c r="G61" s="25"/>
      <c r="H61" s="18"/>
      <c r="I61" s="18"/>
      <c r="J61" s="18"/>
      <c r="K61" s="60"/>
    </row>
    <row r="62" spans="2:11" ht="15.75">
      <c r="B62" s="51"/>
      <c r="C62" s="11" t="s">
        <v>68</v>
      </c>
      <c r="D62" s="53"/>
      <c r="E62" s="55"/>
      <c r="F62" s="57"/>
      <c r="G62" s="25"/>
      <c r="H62" s="18"/>
      <c r="I62" s="18"/>
      <c r="J62" s="18"/>
      <c r="K62" s="60"/>
    </row>
    <row r="63" spans="2:11" ht="15.75">
      <c r="B63" s="51"/>
      <c r="C63" s="11" t="s">
        <v>69</v>
      </c>
      <c r="D63" s="53"/>
      <c r="E63" s="55"/>
      <c r="F63" s="57"/>
      <c r="G63" s="25"/>
      <c r="H63" s="18"/>
      <c r="I63" s="18"/>
      <c r="J63" s="18"/>
      <c r="K63" s="60"/>
    </row>
    <row r="64" spans="2:11" ht="15.75">
      <c r="B64" s="51"/>
      <c r="C64" s="11" t="s">
        <v>70</v>
      </c>
      <c r="D64" s="53"/>
      <c r="E64" s="55"/>
      <c r="F64" s="57"/>
      <c r="G64" s="25"/>
      <c r="H64" s="18"/>
      <c r="I64" s="18"/>
      <c r="J64" s="18"/>
      <c r="K64" s="60"/>
    </row>
    <row r="65" spans="2:11" ht="15.75">
      <c r="B65" s="51"/>
      <c r="C65" s="11" t="s">
        <v>71</v>
      </c>
      <c r="D65" s="53"/>
      <c r="E65" s="55"/>
      <c r="F65" s="57"/>
      <c r="G65" s="25"/>
      <c r="H65" s="18"/>
      <c r="I65" s="18"/>
      <c r="J65" s="18"/>
      <c r="K65" s="60"/>
    </row>
    <row r="66" spans="2:11" ht="15.75">
      <c r="B66" s="51"/>
      <c r="C66" s="11" t="s">
        <v>72</v>
      </c>
      <c r="D66" s="53"/>
      <c r="E66" s="55"/>
      <c r="F66" s="57"/>
      <c r="G66" s="25"/>
      <c r="H66" s="18"/>
      <c r="I66" s="18"/>
      <c r="J66" s="18"/>
      <c r="K66" s="60"/>
    </row>
    <row r="67" spans="2:11" ht="15.75">
      <c r="B67" s="51"/>
      <c r="C67" s="11" t="s">
        <v>73</v>
      </c>
      <c r="D67" s="53"/>
      <c r="E67" s="55"/>
      <c r="F67" s="57"/>
      <c r="G67" s="25"/>
      <c r="H67" s="18"/>
      <c r="I67" s="18"/>
      <c r="J67" s="18"/>
      <c r="K67" s="60"/>
    </row>
    <row r="68" spans="2:11" ht="15.75">
      <c r="B68" s="51"/>
      <c r="C68" s="11" t="s">
        <v>74</v>
      </c>
      <c r="D68" s="53"/>
      <c r="E68" s="55"/>
      <c r="F68" s="57"/>
      <c r="G68" s="25"/>
      <c r="H68" s="18"/>
      <c r="I68" s="18"/>
      <c r="J68" s="18"/>
      <c r="K68" s="60"/>
    </row>
    <row r="69" spans="2:11" ht="16.5" thickBot="1">
      <c r="B69" s="52"/>
      <c r="C69" s="13" t="s">
        <v>75</v>
      </c>
      <c r="D69" s="54"/>
      <c r="E69" s="56"/>
      <c r="F69" s="58"/>
      <c r="G69" s="34"/>
      <c r="H69" s="19"/>
      <c r="I69" s="19"/>
      <c r="J69" s="19"/>
      <c r="K69" s="61"/>
    </row>
    <row r="70" spans="2:11" ht="15.75">
      <c r="B70" s="37" t="s">
        <v>303</v>
      </c>
      <c r="C70" s="12" t="s">
        <v>76</v>
      </c>
      <c r="D70" s="39">
        <v>94214.87</v>
      </c>
      <c r="E70" s="39">
        <v>114000</v>
      </c>
      <c r="F70" s="41">
        <v>2</v>
      </c>
      <c r="G70" s="41" t="s">
        <v>162</v>
      </c>
      <c r="H70" s="62"/>
      <c r="I70" s="62"/>
      <c r="J70" s="60">
        <f>(F70*H70)</f>
        <v>0</v>
      </c>
      <c r="K70" s="60">
        <f>(F70*H70)*1.21</f>
        <v>0</v>
      </c>
    </row>
    <row r="71" spans="2:11" ht="15.75">
      <c r="B71" s="37"/>
      <c r="C71" s="11" t="s">
        <v>77</v>
      </c>
      <c r="D71" s="39"/>
      <c r="E71" s="39"/>
      <c r="F71" s="41"/>
      <c r="G71" s="41"/>
      <c r="H71" s="62"/>
      <c r="I71" s="62"/>
      <c r="J71" s="60"/>
      <c r="K71" s="60"/>
    </row>
    <row r="72" spans="2:11" ht="15.75">
      <c r="B72" s="37"/>
      <c r="C72" s="11" t="s">
        <v>78</v>
      </c>
      <c r="D72" s="39"/>
      <c r="E72" s="39"/>
      <c r="F72" s="41"/>
      <c r="G72" s="41"/>
      <c r="H72" s="62"/>
      <c r="I72" s="62"/>
      <c r="J72" s="60"/>
      <c r="K72" s="60"/>
    </row>
    <row r="73" spans="2:11" ht="15.75">
      <c r="B73" s="37"/>
      <c r="C73" s="11" t="s">
        <v>79</v>
      </c>
      <c r="D73" s="39"/>
      <c r="E73" s="39"/>
      <c r="F73" s="41"/>
      <c r="G73" s="41"/>
      <c r="H73" s="62"/>
      <c r="I73" s="62"/>
      <c r="J73" s="60"/>
      <c r="K73" s="60"/>
    </row>
    <row r="74" spans="2:11" ht="15.75">
      <c r="B74" s="37"/>
      <c r="C74" s="11" t="s">
        <v>80</v>
      </c>
      <c r="D74" s="39"/>
      <c r="E74" s="39"/>
      <c r="F74" s="41"/>
      <c r="G74" s="41"/>
      <c r="H74" s="62"/>
      <c r="I74" s="62"/>
      <c r="J74" s="60"/>
      <c r="K74" s="60"/>
    </row>
    <row r="75" spans="2:11" ht="15.75">
      <c r="B75" s="37"/>
      <c r="C75" s="11" t="s">
        <v>81</v>
      </c>
      <c r="D75" s="39"/>
      <c r="E75" s="39"/>
      <c r="F75" s="41"/>
      <c r="G75" s="41"/>
      <c r="H75" s="62"/>
      <c r="I75" s="62"/>
      <c r="J75" s="60"/>
      <c r="K75" s="60"/>
    </row>
    <row r="76" spans="2:11" ht="15.75">
      <c r="B76" s="37"/>
      <c r="C76" s="11" t="s">
        <v>82</v>
      </c>
      <c r="D76" s="39"/>
      <c r="E76" s="39"/>
      <c r="F76" s="41"/>
      <c r="G76" s="41"/>
      <c r="H76" s="62"/>
      <c r="I76" s="62"/>
      <c r="J76" s="60"/>
      <c r="K76" s="60"/>
    </row>
    <row r="77" spans="2:11" ht="15.75">
      <c r="B77" s="37"/>
      <c r="C77" s="11" t="s">
        <v>83</v>
      </c>
      <c r="D77" s="39"/>
      <c r="E77" s="39"/>
      <c r="F77" s="41"/>
      <c r="G77" s="41"/>
      <c r="H77" s="62"/>
      <c r="I77" s="62"/>
      <c r="J77" s="60"/>
      <c r="K77" s="60"/>
    </row>
    <row r="78" spans="2:11" ht="15.75">
      <c r="B78" s="37"/>
      <c r="C78" s="11" t="s">
        <v>84</v>
      </c>
      <c r="D78" s="39"/>
      <c r="E78" s="39"/>
      <c r="F78" s="41"/>
      <c r="G78" s="41"/>
      <c r="H78" s="62"/>
      <c r="I78" s="62"/>
      <c r="J78" s="60"/>
      <c r="K78" s="60"/>
    </row>
    <row r="79" spans="2:11" ht="15.75">
      <c r="B79" s="37"/>
      <c r="C79" s="11" t="s">
        <v>85</v>
      </c>
      <c r="D79" s="39"/>
      <c r="E79" s="39"/>
      <c r="F79" s="41"/>
      <c r="G79" s="41"/>
      <c r="H79" s="62"/>
      <c r="I79" s="62"/>
      <c r="J79" s="60"/>
      <c r="K79" s="60"/>
    </row>
    <row r="80" spans="2:11" ht="15.75">
      <c r="B80" s="37"/>
      <c r="C80" s="11" t="s">
        <v>86</v>
      </c>
      <c r="D80" s="39"/>
      <c r="E80" s="39"/>
      <c r="F80" s="41"/>
      <c r="G80" s="41"/>
      <c r="H80" s="62"/>
      <c r="I80" s="62"/>
      <c r="J80" s="60"/>
      <c r="K80" s="60"/>
    </row>
    <row r="81" spans="2:11" ht="15.75">
      <c r="B81" s="37"/>
      <c r="C81" s="11" t="s">
        <v>87</v>
      </c>
      <c r="D81" s="39"/>
      <c r="E81" s="39"/>
      <c r="F81" s="41"/>
      <c r="G81" s="41"/>
      <c r="H81" s="62"/>
      <c r="I81" s="62"/>
      <c r="J81" s="60"/>
      <c r="K81" s="60"/>
    </row>
    <row r="82" spans="2:11" ht="15.75">
      <c r="B82" s="37"/>
      <c r="C82" s="11" t="s">
        <v>88</v>
      </c>
      <c r="D82" s="39"/>
      <c r="E82" s="39"/>
      <c r="F82" s="41"/>
      <c r="G82" s="41"/>
      <c r="H82" s="62"/>
      <c r="I82" s="62"/>
      <c r="J82" s="60"/>
      <c r="K82" s="60"/>
    </row>
    <row r="83" spans="2:11" ht="15.75">
      <c r="B83" s="37"/>
      <c r="C83" s="11" t="s">
        <v>89</v>
      </c>
      <c r="D83" s="39"/>
      <c r="E83" s="39"/>
      <c r="F83" s="41"/>
      <c r="G83" s="41"/>
      <c r="H83" s="62"/>
      <c r="I83" s="62"/>
      <c r="J83" s="60"/>
      <c r="K83" s="60"/>
    </row>
    <row r="84" spans="2:11" ht="15.75">
      <c r="B84" s="37"/>
      <c r="C84" s="11" t="s">
        <v>90</v>
      </c>
      <c r="D84" s="39"/>
      <c r="E84" s="39"/>
      <c r="F84" s="41"/>
      <c r="G84" s="41"/>
      <c r="H84" s="62"/>
      <c r="I84" s="62"/>
      <c r="J84" s="60"/>
      <c r="K84" s="60"/>
    </row>
    <row r="85" spans="2:11" ht="15.75">
      <c r="B85" s="37"/>
      <c r="C85" s="11" t="s">
        <v>91</v>
      </c>
      <c r="D85" s="39"/>
      <c r="E85" s="39"/>
      <c r="F85" s="41"/>
      <c r="G85" s="41"/>
      <c r="H85" s="62"/>
      <c r="I85" s="62"/>
      <c r="J85" s="60"/>
      <c r="K85" s="60"/>
    </row>
    <row r="86" spans="2:11" ht="15.75">
      <c r="B86" s="37"/>
      <c r="C86" s="11" t="s">
        <v>92</v>
      </c>
      <c r="D86" s="39"/>
      <c r="E86" s="39"/>
      <c r="F86" s="41"/>
      <c r="G86" s="41"/>
      <c r="H86" s="62"/>
      <c r="I86" s="62"/>
      <c r="J86" s="60"/>
      <c r="K86" s="60"/>
    </row>
    <row r="87" spans="2:11" ht="15.75">
      <c r="B87" s="37"/>
      <c r="C87" s="11" t="s">
        <v>93</v>
      </c>
      <c r="D87" s="39"/>
      <c r="E87" s="39"/>
      <c r="F87" s="41"/>
      <c r="G87" s="41"/>
      <c r="H87" s="62"/>
      <c r="I87" s="62"/>
      <c r="J87" s="60"/>
      <c r="K87" s="60"/>
    </row>
    <row r="88" spans="2:11" ht="15.75">
      <c r="B88" s="37"/>
      <c r="C88" s="11" t="s">
        <v>94</v>
      </c>
      <c r="D88" s="39"/>
      <c r="E88" s="39"/>
      <c r="F88" s="41"/>
      <c r="G88" s="41"/>
      <c r="H88" s="62"/>
      <c r="I88" s="62"/>
      <c r="J88" s="60"/>
      <c r="K88" s="60"/>
    </row>
    <row r="89" spans="2:11" ht="15.75">
      <c r="B89" s="37"/>
      <c r="C89" s="11" t="s">
        <v>95</v>
      </c>
      <c r="D89" s="39"/>
      <c r="E89" s="39"/>
      <c r="F89" s="41"/>
      <c r="G89" s="41"/>
      <c r="H89" s="62"/>
      <c r="I89" s="62"/>
      <c r="J89" s="60"/>
      <c r="K89" s="60"/>
    </row>
    <row r="90" spans="2:11" ht="15.75">
      <c r="B90" s="37"/>
      <c r="C90" s="11" t="s">
        <v>96</v>
      </c>
      <c r="D90" s="39"/>
      <c r="E90" s="39"/>
      <c r="F90" s="41"/>
      <c r="G90" s="41"/>
      <c r="H90" s="62"/>
      <c r="I90" s="62"/>
      <c r="J90" s="60"/>
      <c r="K90" s="60"/>
    </row>
    <row r="91" spans="2:11" ht="15.75">
      <c r="B91" s="37"/>
      <c r="C91" s="11" t="s">
        <v>97</v>
      </c>
      <c r="D91" s="39"/>
      <c r="E91" s="39"/>
      <c r="F91" s="41"/>
      <c r="G91" s="41"/>
      <c r="H91" s="62"/>
      <c r="I91" s="62"/>
      <c r="J91" s="60"/>
      <c r="K91" s="60"/>
    </row>
    <row r="92" spans="2:11" ht="15.75">
      <c r="B92" s="37"/>
      <c r="C92" s="11" t="s">
        <v>98</v>
      </c>
      <c r="D92" s="39"/>
      <c r="E92" s="39"/>
      <c r="F92" s="41"/>
      <c r="G92" s="41"/>
      <c r="H92" s="62"/>
      <c r="I92" s="62"/>
      <c r="J92" s="60"/>
      <c r="K92" s="60"/>
    </row>
    <row r="93" spans="2:11" ht="15.75">
      <c r="B93" s="37"/>
      <c r="C93" s="11" t="s">
        <v>99</v>
      </c>
      <c r="D93" s="39"/>
      <c r="E93" s="39"/>
      <c r="F93" s="41"/>
      <c r="G93" s="41"/>
      <c r="H93" s="62"/>
      <c r="I93" s="62"/>
      <c r="J93" s="60"/>
      <c r="K93" s="60"/>
    </row>
    <row r="94" spans="2:11" ht="15.75">
      <c r="B94" s="37"/>
      <c r="C94" s="11" t="s">
        <v>100</v>
      </c>
      <c r="D94" s="39"/>
      <c r="E94" s="39"/>
      <c r="F94" s="41"/>
      <c r="G94" s="41"/>
      <c r="H94" s="62"/>
      <c r="I94" s="62"/>
      <c r="J94" s="60"/>
      <c r="K94" s="60"/>
    </row>
    <row r="95" spans="2:11" ht="15.75">
      <c r="B95" s="37"/>
      <c r="C95" s="11" t="s">
        <v>101</v>
      </c>
      <c r="D95" s="39"/>
      <c r="E95" s="39"/>
      <c r="F95" s="41"/>
      <c r="G95" s="41"/>
      <c r="H95" s="62"/>
      <c r="I95" s="62"/>
      <c r="J95" s="60"/>
      <c r="K95" s="60"/>
    </row>
    <row r="96" spans="2:11" ht="15.75">
      <c r="B96" s="37"/>
      <c r="C96" s="11" t="s">
        <v>102</v>
      </c>
      <c r="D96" s="39"/>
      <c r="E96" s="39"/>
      <c r="F96" s="41"/>
      <c r="G96" s="41"/>
      <c r="H96" s="62"/>
      <c r="I96" s="62"/>
      <c r="J96" s="60"/>
      <c r="K96" s="60"/>
    </row>
    <row r="97" spans="2:11" ht="15.75">
      <c r="B97" s="37"/>
      <c r="C97" s="11" t="s">
        <v>103</v>
      </c>
      <c r="D97" s="39"/>
      <c r="E97" s="39"/>
      <c r="F97" s="41"/>
      <c r="G97" s="41"/>
      <c r="H97" s="62"/>
      <c r="I97" s="62"/>
      <c r="J97" s="60"/>
      <c r="K97" s="60"/>
    </row>
    <row r="98" spans="2:11" ht="15.75">
      <c r="B98" s="37"/>
      <c r="C98" s="11" t="s">
        <v>104</v>
      </c>
      <c r="D98" s="39"/>
      <c r="E98" s="39"/>
      <c r="F98" s="41"/>
      <c r="G98" s="41"/>
      <c r="H98" s="62"/>
      <c r="I98" s="62"/>
      <c r="J98" s="60"/>
      <c r="K98" s="60"/>
    </row>
    <row r="99" spans="2:11" ht="15.75">
      <c r="B99" s="37"/>
      <c r="C99" s="11" t="s">
        <v>105</v>
      </c>
      <c r="D99" s="39"/>
      <c r="E99" s="39"/>
      <c r="F99" s="41"/>
      <c r="G99" s="41"/>
      <c r="H99" s="62"/>
      <c r="I99" s="62"/>
      <c r="J99" s="60"/>
      <c r="K99" s="60"/>
    </row>
    <row r="100" spans="2:11" ht="15.75">
      <c r="B100" s="37"/>
      <c r="C100" s="11" t="s">
        <v>106</v>
      </c>
      <c r="D100" s="39"/>
      <c r="E100" s="39"/>
      <c r="F100" s="41"/>
      <c r="G100" s="41"/>
      <c r="H100" s="62"/>
      <c r="I100" s="62"/>
      <c r="J100" s="60"/>
      <c r="K100" s="60"/>
    </row>
    <row r="101" spans="2:11" ht="15.75">
      <c r="B101" s="37"/>
      <c r="C101" s="11" t="s">
        <v>107</v>
      </c>
      <c r="D101" s="39"/>
      <c r="E101" s="39"/>
      <c r="F101" s="41"/>
      <c r="G101" s="41"/>
      <c r="H101" s="62"/>
      <c r="I101" s="62"/>
      <c r="J101" s="60"/>
      <c r="K101" s="60"/>
    </row>
    <row r="102" spans="2:11" ht="15.75">
      <c r="B102" s="37"/>
      <c r="C102" s="11" t="s">
        <v>108</v>
      </c>
      <c r="D102" s="39"/>
      <c r="E102" s="39"/>
      <c r="F102" s="41"/>
      <c r="G102" s="41"/>
      <c r="H102" s="62"/>
      <c r="I102" s="62"/>
      <c r="J102" s="60"/>
      <c r="K102" s="60"/>
    </row>
    <row r="103" spans="2:11" ht="15.75">
      <c r="B103" s="37"/>
      <c r="C103" s="11" t="s">
        <v>109</v>
      </c>
      <c r="D103" s="39"/>
      <c r="E103" s="39"/>
      <c r="F103" s="41"/>
      <c r="G103" s="41"/>
      <c r="H103" s="62"/>
      <c r="I103" s="62"/>
      <c r="J103" s="60"/>
      <c r="K103" s="60"/>
    </row>
    <row r="104" spans="2:11" ht="15.75">
      <c r="B104" s="37"/>
      <c r="C104" s="11" t="s">
        <v>110</v>
      </c>
      <c r="D104" s="39"/>
      <c r="E104" s="39"/>
      <c r="F104" s="41"/>
      <c r="G104" s="41"/>
      <c r="H104" s="62"/>
      <c r="I104" s="62"/>
      <c r="J104" s="60"/>
      <c r="K104" s="60"/>
    </row>
    <row r="105" spans="2:11" ht="15.75">
      <c r="B105" s="37"/>
      <c r="C105" s="11" t="s">
        <v>111</v>
      </c>
      <c r="D105" s="39"/>
      <c r="E105" s="39"/>
      <c r="F105" s="41"/>
      <c r="G105" s="41"/>
      <c r="H105" s="62"/>
      <c r="I105" s="62"/>
      <c r="J105" s="60"/>
      <c r="K105" s="60"/>
    </row>
    <row r="106" spans="2:11" ht="15.75">
      <c r="B106" s="37"/>
      <c r="C106" s="11" t="s">
        <v>112</v>
      </c>
      <c r="D106" s="39"/>
      <c r="E106" s="39"/>
      <c r="F106" s="41"/>
      <c r="G106" s="41"/>
      <c r="H106" s="62"/>
      <c r="I106" s="62"/>
      <c r="J106" s="60"/>
      <c r="K106" s="60"/>
    </row>
    <row r="107" spans="2:11" ht="15.75">
      <c r="B107" s="37"/>
      <c r="C107" s="11" t="s">
        <v>113</v>
      </c>
      <c r="D107" s="39"/>
      <c r="E107" s="39"/>
      <c r="F107" s="41"/>
      <c r="G107" s="41"/>
      <c r="H107" s="62"/>
      <c r="I107" s="62"/>
      <c r="J107" s="60"/>
      <c r="K107" s="60"/>
    </row>
    <row r="108" spans="2:11" ht="15.75">
      <c r="B108" s="37"/>
      <c r="C108" s="11" t="s">
        <v>114</v>
      </c>
      <c r="D108" s="39"/>
      <c r="E108" s="39"/>
      <c r="F108" s="41"/>
      <c r="G108" s="41"/>
      <c r="H108" s="62"/>
      <c r="I108" s="62"/>
      <c r="J108" s="60"/>
      <c r="K108" s="60"/>
    </row>
    <row r="109" spans="2:11" ht="15.75">
      <c r="B109" s="37"/>
      <c r="C109" s="11" t="s">
        <v>115</v>
      </c>
      <c r="D109" s="39"/>
      <c r="E109" s="39"/>
      <c r="F109" s="41"/>
      <c r="G109" s="41"/>
      <c r="H109" s="62"/>
      <c r="I109" s="62"/>
      <c r="J109" s="60"/>
      <c r="K109" s="60"/>
    </row>
    <row r="110" spans="2:11" ht="15.75">
      <c r="B110" s="37"/>
      <c r="C110" s="11" t="s">
        <v>116</v>
      </c>
      <c r="D110" s="39"/>
      <c r="E110" s="39"/>
      <c r="F110" s="41"/>
      <c r="G110" s="41"/>
      <c r="H110" s="62"/>
      <c r="I110" s="62"/>
      <c r="J110" s="60"/>
      <c r="K110" s="60"/>
    </row>
    <row r="111" spans="2:11" ht="15.75">
      <c r="B111" s="37"/>
      <c r="C111" s="11" t="s">
        <v>117</v>
      </c>
      <c r="D111" s="39"/>
      <c r="E111" s="39"/>
      <c r="F111" s="41"/>
      <c r="G111" s="41"/>
      <c r="H111" s="62"/>
      <c r="I111" s="62"/>
      <c r="J111" s="60"/>
      <c r="K111" s="60"/>
    </row>
    <row r="112" spans="2:11" ht="15.75">
      <c r="B112" s="37"/>
      <c r="C112" s="11" t="s">
        <v>118</v>
      </c>
      <c r="D112" s="39"/>
      <c r="E112" s="39"/>
      <c r="F112" s="41"/>
      <c r="G112" s="41"/>
      <c r="H112" s="62"/>
      <c r="I112" s="62"/>
      <c r="J112" s="60"/>
      <c r="K112" s="60"/>
    </row>
    <row r="113" spans="2:11" ht="15.75">
      <c r="B113" s="37"/>
      <c r="C113" s="11" t="s">
        <v>119</v>
      </c>
      <c r="D113" s="39"/>
      <c r="E113" s="39"/>
      <c r="F113" s="41"/>
      <c r="G113" s="41"/>
      <c r="H113" s="62"/>
      <c r="I113" s="62"/>
      <c r="J113" s="60"/>
      <c r="K113" s="60"/>
    </row>
    <row r="114" spans="2:11" ht="15.75">
      <c r="B114" s="37"/>
      <c r="C114" s="11" t="s">
        <v>48</v>
      </c>
      <c r="D114" s="39"/>
      <c r="E114" s="39"/>
      <c r="F114" s="41"/>
      <c r="G114" s="41"/>
      <c r="H114" s="62"/>
      <c r="I114" s="62"/>
      <c r="J114" s="60"/>
      <c r="K114" s="60"/>
    </row>
    <row r="115" spans="2:11" ht="15.75">
      <c r="B115" s="37"/>
      <c r="C115" s="11" t="s">
        <v>120</v>
      </c>
      <c r="D115" s="39"/>
      <c r="E115" s="39"/>
      <c r="F115" s="41"/>
      <c r="G115" s="41"/>
      <c r="H115" s="62"/>
      <c r="I115" s="62"/>
      <c r="J115" s="60"/>
      <c r="K115" s="60"/>
    </row>
    <row r="116" spans="2:11" ht="15.75">
      <c r="B116" s="37"/>
      <c r="C116" s="11" t="s">
        <v>121</v>
      </c>
      <c r="D116" s="39"/>
      <c r="E116" s="39"/>
      <c r="F116" s="41"/>
      <c r="G116" s="41"/>
      <c r="H116" s="62"/>
      <c r="I116" s="62"/>
      <c r="J116" s="60"/>
      <c r="K116" s="60"/>
    </row>
    <row r="117" spans="2:11" ht="15.75">
      <c r="B117" s="37"/>
      <c r="C117" s="11" t="s">
        <v>122</v>
      </c>
      <c r="D117" s="39"/>
      <c r="E117" s="39"/>
      <c r="F117" s="41"/>
      <c r="G117" s="41"/>
      <c r="H117" s="62"/>
      <c r="I117" s="62"/>
      <c r="J117" s="60"/>
      <c r="K117" s="60"/>
    </row>
    <row r="118" spans="2:11" ht="15.75">
      <c r="B118" s="37"/>
      <c r="C118" s="11" t="s">
        <v>123</v>
      </c>
      <c r="D118" s="39"/>
      <c r="E118" s="39"/>
      <c r="F118" s="41"/>
      <c r="G118" s="41"/>
      <c r="H118" s="62"/>
      <c r="I118" s="62"/>
      <c r="J118" s="60"/>
      <c r="K118" s="60"/>
    </row>
    <row r="119" spans="2:11" ht="15.75">
      <c r="B119" s="37"/>
      <c r="C119" s="11" t="s">
        <v>124</v>
      </c>
      <c r="D119" s="39"/>
      <c r="E119" s="39"/>
      <c r="F119" s="41"/>
      <c r="G119" s="41"/>
      <c r="H119" s="62"/>
      <c r="I119" s="62"/>
      <c r="J119" s="60"/>
      <c r="K119" s="60"/>
    </row>
    <row r="120" spans="2:11" ht="15.75">
      <c r="B120" s="37"/>
      <c r="C120" s="11" t="s">
        <v>125</v>
      </c>
      <c r="D120" s="39"/>
      <c r="E120" s="39"/>
      <c r="F120" s="41"/>
      <c r="G120" s="41"/>
      <c r="H120" s="62"/>
      <c r="I120" s="62"/>
      <c r="J120" s="60"/>
      <c r="K120" s="60"/>
    </row>
    <row r="121" spans="2:11" ht="15.75">
      <c r="B121" s="37"/>
      <c r="C121" s="11" t="s">
        <v>126</v>
      </c>
      <c r="D121" s="39"/>
      <c r="E121" s="39"/>
      <c r="F121" s="41"/>
      <c r="G121" s="41"/>
      <c r="H121" s="62"/>
      <c r="I121" s="62"/>
      <c r="J121" s="60"/>
      <c r="K121" s="60"/>
    </row>
    <row r="122" spans="2:11" ht="15.75">
      <c r="B122" s="37"/>
      <c r="C122" s="11" t="s">
        <v>127</v>
      </c>
      <c r="D122" s="39"/>
      <c r="E122" s="39"/>
      <c r="F122" s="41"/>
      <c r="G122" s="41"/>
      <c r="H122" s="62"/>
      <c r="I122" s="62"/>
      <c r="J122" s="60"/>
      <c r="K122" s="60"/>
    </row>
    <row r="123" spans="2:11" ht="15.75">
      <c r="B123" s="37"/>
      <c r="C123" s="11" t="s">
        <v>128</v>
      </c>
      <c r="D123" s="39"/>
      <c r="E123" s="39"/>
      <c r="F123" s="41"/>
      <c r="G123" s="41"/>
      <c r="H123" s="62"/>
      <c r="I123" s="62"/>
      <c r="J123" s="60"/>
      <c r="K123" s="60"/>
    </row>
    <row r="124" spans="2:11" ht="15.75">
      <c r="B124" s="37"/>
      <c r="C124" s="11" t="s">
        <v>129</v>
      </c>
      <c r="D124" s="39"/>
      <c r="E124" s="39"/>
      <c r="F124" s="41"/>
      <c r="G124" s="41"/>
      <c r="H124" s="62"/>
      <c r="I124" s="62"/>
      <c r="J124" s="60"/>
      <c r="K124" s="60"/>
    </row>
    <row r="125" spans="2:11" ht="15.75">
      <c r="B125" s="37"/>
      <c r="C125" s="11" t="s">
        <v>130</v>
      </c>
      <c r="D125" s="39"/>
      <c r="E125" s="39"/>
      <c r="F125" s="41"/>
      <c r="G125" s="41"/>
      <c r="H125" s="62"/>
      <c r="I125" s="62"/>
      <c r="J125" s="60"/>
      <c r="K125" s="60"/>
    </row>
    <row r="126" spans="2:11" ht="15.75">
      <c r="B126" s="37"/>
      <c r="C126" s="11" t="s">
        <v>131</v>
      </c>
      <c r="D126" s="39"/>
      <c r="E126" s="39"/>
      <c r="F126" s="41"/>
      <c r="G126" s="41"/>
      <c r="H126" s="62"/>
      <c r="I126" s="62"/>
      <c r="J126" s="60"/>
      <c r="K126" s="60"/>
    </row>
    <row r="127" spans="2:11" ht="15.75">
      <c r="B127" s="37"/>
      <c r="C127" s="11" t="s">
        <v>132</v>
      </c>
      <c r="D127" s="39"/>
      <c r="E127" s="39"/>
      <c r="F127" s="41"/>
      <c r="G127" s="41"/>
      <c r="H127" s="62"/>
      <c r="I127" s="62"/>
      <c r="J127" s="60"/>
      <c r="K127" s="60"/>
    </row>
    <row r="128" spans="2:11" ht="15.75">
      <c r="B128" s="37"/>
      <c r="C128" s="11" t="s">
        <v>133</v>
      </c>
      <c r="D128" s="39"/>
      <c r="E128" s="39"/>
      <c r="F128" s="41"/>
      <c r="G128" s="41"/>
      <c r="H128" s="62"/>
      <c r="I128" s="62"/>
      <c r="J128" s="60"/>
      <c r="K128" s="60"/>
    </row>
    <row r="129" spans="2:11" ht="15.75">
      <c r="B129" s="37"/>
      <c r="C129" s="11" t="s">
        <v>134</v>
      </c>
      <c r="D129" s="39"/>
      <c r="E129" s="39"/>
      <c r="F129" s="41"/>
      <c r="G129" s="41"/>
      <c r="H129" s="62"/>
      <c r="I129" s="62"/>
      <c r="J129" s="60"/>
      <c r="K129" s="60"/>
    </row>
    <row r="130" spans="2:11" ht="15.75">
      <c r="B130" s="37"/>
      <c r="C130" s="11" t="s">
        <v>135</v>
      </c>
      <c r="D130" s="39"/>
      <c r="E130" s="39"/>
      <c r="F130" s="41"/>
      <c r="G130" s="41"/>
      <c r="H130" s="62"/>
      <c r="I130" s="62"/>
      <c r="J130" s="60"/>
      <c r="K130" s="60"/>
    </row>
    <row r="131" spans="2:11" ht="15.75">
      <c r="B131" s="37"/>
      <c r="C131" s="11" t="s">
        <v>136</v>
      </c>
      <c r="D131" s="39"/>
      <c r="E131" s="39"/>
      <c r="F131" s="41"/>
      <c r="G131" s="41"/>
      <c r="H131" s="62"/>
      <c r="I131" s="62"/>
      <c r="J131" s="60"/>
      <c r="K131" s="60"/>
    </row>
    <row r="132" spans="2:11" ht="15.75">
      <c r="B132" s="37"/>
      <c r="C132" s="11" t="s">
        <v>137</v>
      </c>
      <c r="D132" s="39"/>
      <c r="E132" s="39"/>
      <c r="F132" s="41"/>
      <c r="G132" s="41"/>
      <c r="H132" s="62"/>
      <c r="I132" s="62"/>
      <c r="J132" s="60"/>
      <c r="K132" s="60"/>
    </row>
    <row r="133" spans="2:11" ht="15.75">
      <c r="B133" s="37"/>
      <c r="C133" s="11" t="s">
        <v>138</v>
      </c>
      <c r="D133" s="39"/>
      <c r="E133" s="39"/>
      <c r="F133" s="41"/>
      <c r="G133" s="41"/>
      <c r="H133" s="62"/>
      <c r="I133" s="62"/>
      <c r="J133" s="60"/>
      <c r="K133" s="60"/>
    </row>
    <row r="134" spans="2:11" ht="15.75">
      <c r="B134" s="37"/>
      <c r="C134" s="11" t="s">
        <v>139</v>
      </c>
      <c r="D134" s="39"/>
      <c r="E134" s="39"/>
      <c r="F134" s="41"/>
      <c r="G134" s="41"/>
      <c r="H134" s="62"/>
      <c r="I134" s="62"/>
      <c r="J134" s="60"/>
      <c r="K134" s="60"/>
    </row>
    <row r="135" spans="2:11" ht="15.75">
      <c r="B135" s="37"/>
      <c r="C135" s="11" t="s">
        <v>140</v>
      </c>
      <c r="D135" s="39"/>
      <c r="E135" s="39"/>
      <c r="F135" s="41"/>
      <c r="G135" s="41"/>
      <c r="H135" s="62"/>
      <c r="I135" s="62"/>
      <c r="J135" s="60"/>
      <c r="K135" s="60"/>
    </row>
    <row r="136" spans="2:11" ht="15.75">
      <c r="B136" s="37"/>
      <c r="C136" s="11" t="s">
        <v>141</v>
      </c>
      <c r="D136" s="39"/>
      <c r="E136" s="39"/>
      <c r="F136" s="41"/>
      <c r="G136" s="41"/>
      <c r="H136" s="62"/>
      <c r="I136" s="62"/>
      <c r="J136" s="60"/>
      <c r="K136" s="60"/>
    </row>
    <row r="137" spans="2:11" ht="15.75">
      <c r="B137" s="37"/>
      <c r="C137" s="11" t="s">
        <v>142</v>
      </c>
      <c r="D137" s="39"/>
      <c r="E137" s="39"/>
      <c r="F137" s="41"/>
      <c r="G137" s="41"/>
      <c r="H137" s="62"/>
      <c r="I137" s="62"/>
      <c r="J137" s="60"/>
      <c r="K137" s="60"/>
    </row>
    <row r="138" spans="2:11" ht="15.75">
      <c r="B138" s="37"/>
      <c r="C138" s="11" t="s">
        <v>143</v>
      </c>
      <c r="D138" s="39"/>
      <c r="E138" s="39"/>
      <c r="F138" s="41"/>
      <c r="G138" s="41"/>
      <c r="H138" s="62"/>
      <c r="I138" s="62"/>
      <c r="J138" s="60"/>
      <c r="K138" s="60"/>
    </row>
    <row r="139" spans="2:11" ht="15.75">
      <c r="B139" s="37"/>
      <c r="C139" s="11" t="s">
        <v>144</v>
      </c>
      <c r="D139" s="39"/>
      <c r="E139" s="39"/>
      <c r="F139" s="41"/>
      <c r="G139" s="41"/>
      <c r="H139" s="62"/>
      <c r="I139" s="62"/>
      <c r="J139" s="60"/>
      <c r="K139" s="60"/>
    </row>
    <row r="140" spans="2:11" ht="15.75">
      <c r="B140" s="37"/>
      <c r="C140" s="11" t="s">
        <v>145</v>
      </c>
      <c r="D140" s="39"/>
      <c r="E140" s="39"/>
      <c r="F140" s="41"/>
      <c r="G140" s="41"/>
      <c r="H140" s="62"/>
      <c r="I140" s="62"/>
      <c r="J140" s="60"/>
      <c r="K140" s="60"/>
    </row>
    <row r="141" spans="2:11" ht="15.75">
      <c r="B141" s="37"/>
      <c r="C141" s="11" t="s">
        <v>146</v>
      </c>
      <c r="D141" s="39"/>
      <c r="E141" s="39"/>
      <c r="F141" s="41"/>
      <c r="G141" s="41"/>
      <c r="H141" s="62"/>
      <c r="I141" s="62"/>
      <c r="J141" s="60"/>
      <c r="K141" s="60"/>
    </row>
    <row r="142" spans="2:11" ht="15.75">
      <c r="B142" s="37"/>
      <c r="C142" s="11" t="s">
        <v>147</v>
      </c>
      <c r="D142" s="39"/>
      <c r="E142" s="39"/>
      <c r="F142" s="41"/>
      <c r="G142" s="41"/>
      <c r="H142" s="62"/>
      <c r="I142" s="62"/>
      <c r="J142" s="60"/>
      <c r="K142" s="60"/>
    </row>
    <row r="143" spans="2:11" ht="15.75">
      <c r="B143" s="37"/>
      <c r="C143" s="11" t="s">
        <v>148</v>
      </c>
      <c r="D143" s="39"/>
      <c r="E143" s="39"/>
      <c r="F143" s="41"/>
      <c r="G143" s="41"/>
      <c r="H143" s="62"/>
      <c r="I143" s="62"/>
      <c r="J143" s="60"/>
      <c r="K143" s="60"/>
    </row>
    <row r="144" spans="2:11" ht="15.75">
      <c r="B144" s="37"/>
      <c r="C144" s="11" t="s">
        <v>149</v>
      </c>
      <c r="D144" s="39"/>
      <c r="E144" s="39"/>
      <c r="F144" s="41"/>
      <c r="G144" s="41"/>
      <c r="H144" s="62"/>
      <c r="I144" s="62"/>
      <c r="J144" s="60"/>
      <c r="K144" s="60"/>
    </row>
    <row r="145" spans="2:11" ht="15.75">
      <c r="B145" s="37"/>
      <c r="C145" s="11" t="s">
        <v>150</v>
      </c>
      <c r="D145" s="39"/>
      <c r="E145" s="39"/>
      <c r="F145" s="41"/>
      <c r="G145" s="41"/>
      <c r="H145" s="62"/>
      <c r="I145" s="62"/>
      <c r="J145" s="60"/>
      <c r="K145" s="60"/>
    </row>
    <row r="146" spans="2:11" ht="15.75">
      <c r="B146" s="37"/>
      <c r="C146" s="11" t="s">
        <v>151</v>
      </c>
      <c r="D146" s="39"/>
      <c r="E146" s="39"/>
      <c r="F146" s="41"/>
      <c r="G146" s="41"/>
      <c r="H146" s="62"/>
      <c r="I146" s="62"/>
      <c r="J146" s="60"/>
      <c r="K146" s="60"/>
    </row>
    <row r="147" spans="2:11" ht="15.75">
      <c r="B147" s="37"/>
      <c r="C147" s="11" t="s">
        <v>152</v>
      </c>
      <c r="D147" s="39"/>
      <c r="E147" s="39"/>
      <c r="F147" s="41"/>
      <c r="G147" s="41"/>
      <c r="H147" s="62"/>
      <c r="I147" s="62"/>
      <c r="J147" s="60"/>
      <c r="K147" s="60"/>
    </row>
    <row r="148" spans="2:11" ht="15.75">
      <c r="B148" s="37"/>
      <c r="C148" s="11" t="s">
        <v>153</v>
      </c>
      <c r="D148" s="39"/>
      <c r="E148" s="39"/>
      <c r="F148" s="41"/>
      <c r="G148" s="41"/>
      <c r="H148" s="62"/>
      <c r="I148" s="62"/>
      <c r="J148" s="60"/>
      <c r="K148" s="60"/>
    </row>
    <row r="149" spans="2:11" ht="15.75">
      <c r="B149" s="37"/>
      <c r="C149" s="11" t="s">
        <v>154</v>
      </c>
      <c r="D149" s="39"/>
      <c r="E149" s="39"/>
      <c r="F149" s="41"/>
      <c r="G149" s="41"/>
      <c r="H149" s="62"/>
      <c r="I149" s="62"/>
      <c r="J149" s="60"/>
      <c r="K149" s="60"/>
    </row>
    <row r="150" spans="2:11" ht="15.75">
      <c r="B150" s="37"/>
      <c r="C150" s="11" t="s">
        <v>155</v>
      </c>
      <c r="D150" s="39"/>
      <c r="E150" s="39"/>
      <c r="F150" s="41"/>
      <c r="G150" s="41"/>
      <c r="H150" s="62"/>
      <c r="I150" s="62"/>
      <c r="J150" s="60"/>
      <c r="K150" s="60"/>
    </row>
    <row r="151" spans="2:11" ht="15.75">
      <c r="B151" s="37"/>
      <c r="C151" s="11" t="s">
        <v>156</v>
      </c>
      <c r="D151" s="39"/>
      <c r="E151" s="39"/>
      <c r="F151" s="41"/>
      <c r="G151" s="41"/>
      <c r="H151" s="62"/>
      <c r="I151" s="62"/>
      <c r="J151" s="60"/>
      <c r="K151" s="60"/>
    </row>
    <row r="152" spans="2:11" ht="15.75">
      <c r="B152" s="37"/>
      <c r="C152" s="11" t="s">
        <v>157</v>
      </c>
      <c r="D152" s="39"/>
      <c r="E152" s="39"/>
      <c r="F152" s="41"/>
      <c r="G152" s="41"/>
      <c r="H152" s="62"/>
      <c r="I152" s="62"/>
      <c r="J152" s="60"/>
      <c r="K152" s="60"/>
    </row>
    <row r="153" spans="2:11" ht="15.75">
      <c r="B153" s="37"/>
      <c r="C153" s="11" t="s">
        <v>158</v>
      </c>
      <c r="D153" s="39"/>
      <c r="E153" s="39"/>
      <c r="F153" s="41"/>
      <c r="G153" s="41"/>
      <c r="H153" s="62"/>
      <c r="I153" s="62"/>
      <c r="J153" s="60"/>
      <c r="K153" s="60"/>
    </row>
    <row r="154" spans="2:11" ht="16.5" thickBot="1">
      <c r="B154" s="38"/>
      <c r="C154" s="13" t="s">
        <v>159</v>
      </c>
      <c r="D154" s="40"/>
      <c r="E154" s="40"/>
      <c r="F154" s="42"/>
      <c r="G154" s="42"/>
      <c r="H154" s="63"/>
      <c r="I154" s="63"/>
      <c r="J154" s="61"/>
      <c r="K154" s="61"/>
    </row>
    <row r="155" spans="2:11" ht="15.75">
      <c r="B155" s="29" t="s">
        <v>373</v>
      </c>
      <c r="C155" s="14" t="s">
        <v>76</v>
      </c>
      <c r="D155" s="31">
        <v>23140.5</v>
      </c>
      <c r="E155" s="31">
        <v>28000</v>
      </c>
      <c r="F155" s="33">
        <v>2</v>
      </c>
      <c r="G155" s="33" t="s">
        <v>162</v>
      </c>
      <c r="H155" s="35"/>
      <c r="I155" s="35"/>
      <c r="J155" s="17">
        <f>(F155*H155)</f>
        <v>0</v>
      </c>
      <c r="K155" s="17">
        <f>(F155*H155)*1.21</f>
        <v>0</v>
      </c>
    </row>
    <row r="156" spans="2:11" ht="15.75">
      <c r="B156" s="21"/>
      <c r="C156" s="11" t="s">
        <v>163</v>
      </c>
      <c r="D156" s="23"/>
      <c r="E156" s="23"/>
      <c r="F156" s="25"/>
      <c r="G156" s="25"/>
      <c r="H156" s="27"/>
      <c r="I156" s="27"/>
      <c r="J156" s="18"/>
      <c r="K156" s="18"/>
    </row>
    <row r="157" spans="2:11" ht="15.75">
      <c r="B157" s="21"/>
      <c r="C157" s="11" t="s">
        <v>164</v>
      </c>
      <c r="D157" s="23"/>
      <c r="E157" s="23"/>
      <c r="F157" s="25"/>
      <c r="G157" s="25"/>
      <c r="H157" s="27"/>
      <c r="I157" s="27"/>
      <c r="J157" s="18"/>
      <c r="K157" s="18"/>
    </row>
    <row r="158" spans="2:11" ht="15.75">
      <c r="B158" s="21"/>
      <c r="C158" s="11" t="s">
        <v>165</v>
      </c>
      <c r="D158" s="23"/>
      <c r="E158" s="23"/>
      <c r="F158" s="25"/>
      <c r="G158" s="25"/>
      <c r="H158" s="27"/>
      <c r="I158" s="27"/>
      <c r="J158" s="18"/>
      <c r="K158" s="18"/>
    </row>
    <row r="159" spans="2:11" ht="15.75">
      <c r="B159" s="21"/>
      <c r="C159" s="11" t="s">
        <v>166</v>
      </c>
      <c r="D159" s="23"/>
      <c r="E159" s="23"/>
      <c r="F159" s="25"/>
      <c r="G159" s="25"/>
      <c r="H159" s="27"/>
      <c r="I159" s="27"/>
      <c r="J159" s="18"/>
      <c r="K159" s="18"/>
    </row>
    <row r="160" spans="2:11" ht="15.75">
      <c r="B160" s="21"/>
      <c r="C160" s="11" t="s">
        <v>167</v>
      </c>
      <c r="D160" s="23"/>
      <c r="E160" s="23"/>
      <c r="F160" s="25"/>
      <c r="G160" s="25"/>
      <c r="H160" s="27"/>
      <c r="I160" s="27"/>
      <c r="J160" s="18"/>
      <c r="K160" s="18"/>
    </row>
    <row r="161" spans="2:11" ht="15.75">
      <c r="B161" s="21"/>
      <c r="C161" s="11" t="s">
        <v>168</v>
      </c>
      <c r="D161" s="23"/>
      <c r="E161" s="23"/>
      <c r="F161" s="25"/>
      <c r="G161" s="25"/>
      <c r="H161" s="27"/>
      <c r="I161" s="27"/>
      <c r="J161" s="18"/>
      <c r="K161" s="18"/>
    </row>
    <row r="162" spans="2:11" ht="15.75">
      <c r="B162" s="21"/>
      <c r="C162" s="11" t="s">
        <v>169</v>
      </c>
      <c r="D162" s="23"/>
      <c r="E162" s="23"/>
      <c r="F162" s="25"/>
      <c r="G162" s="25"/>
      <c r="H162" s="27"/>
      <c r="I162" s="27"/>
      <c r="J162" s="18"/>
      <c r="K162" s="18"/>
    </row>
    <row r="163" spans="2:11" ht="15.75">
      <c r="B163" s="21"/>
      <c r="C163" s="11" t="s">
        <v>170</v>
      </c>
      <c r="D163" s="23"/>
      <c r="E163" s="23"/>
      <c r="F163" s="25"/>
      <c r="G163" s="25"/>
      <c r="H163" s="27"/>
      <c r="I163" s="27"/>
      <c r="J163" s="18"/>
      <c r="K163" s="18"/>
    </row>
    <row r="164" spans="2:11" ht="15.75">
      <c r="B164" s="21"/>
      <c r="C164" s="11" t="s">
        <v>171</v>
      </c>
      <c r="D164" s="23"/>
      <c r="E164" s="23"/>
      <c r="F164" s="25"/>
      <c r="G164" s="25"/>
      <c r="H164" s="27"/>
      <c r="I164" s="27"/>
      <c r="J164" s="18"/>
      <c r="K164" s="18"/>
    </row>
    <row r="165" spans="2:11" ht="15.75">
      <c r="B165" s="21"/>
      <c r="C165" s="11" t="s">
        <v>172</v>
      </c>
      <c r="D165" s="23"/>
      <c r="E165" s="23"/>
      <c r="F165" s="25"/>
      <c r="G165" s="25"/>
      <c r="H165" s="27"/>
      <c r="I165" s="27"/>
      <c r="J165" s="18"/>
      <c r="K165" s="18"/>
    </row>
    <row r="166" spans="2:11" ht="15.75">
      <c r="B166" s="21"/>
      <c r="C166" s="11" t="s">
        <v>173</v>
      </c>
      <c r="D166" s="23"/>
      <c r="E166" s="23"/>
      <c r="F166" s="25"/>
      <c r="G166" s="25"/>
      <c r="H166" s="27"/>
      <c r="I166" s="27"/>
      <c r="J166" s="18"/>
      <c r="K166" s="18"/>
    </row>
    <row r="167" spans="2:11" ht="15.75">
      <c r="B167" s="21"/>
      <c r="C167" s="11" t="s">
        <v>174</v>
      </c>
      <c r="D167" s="23"/>
      <c r="E167" s="23"/>
      <c r="F167" s="25"/>
      <c r="G167" s="25"/>
      <c r="H167" s="27"/>
      <c r="I167" s="27"/>
      <c r="J167" s="18"/>
      <c r="K167" s="18"/>
    </row>
    <row r="168" spans="2:11" ht="15.75">
      <c r="B168" s="21"/>
      <c r="C168" s="11" t="s">
        <v>175</v>
      </c>
      <c r="D168" s="23"/>
      <c r="E168" s="23"/>
      <c r="F168" s="25"/>
      <c r="G168" s="25"/>
      <c r="H168" s="27"/>
      <c r="I168" s="27"/>
      <c r="J168" s="18"/>
      <c r="K168" s="18"/>
    </row>
    <row r="169" spans="2:11" ht="15.75">
      <c r="B169" s="21"/>
      <c r="C169" s="11" t="s">
        <v>176</v>
      </c>
      <c r="D169" s="23"/>
      <c r="E169" s="23"/>
      <c r="F169" s="25"/>
      <c r="G169" s="25"/>
      <c r="H169" s="27"/>
      <c r="I169" s="27"/>
      <c r="J169" s="18"/>
      <c r="K169" s="18"/>
    </row>
    <row r="170" spans="2:11" ht="15.75">
      <c r="B170" s="21"/>
      <c r="C170" s="11" t="s">
        <v>177</v>
      </c>
      <c r="D170" s="23"/>
      <c r="E170" s="23"/>
      <c r="F170" s="25"/>
      <c r="G170" s="25"/>
      <c r="H170" s="27"/>
      <c r="I170" s="27"/>
      <c r="J170" s="18"/>
      <c r="K170" s="18"/>
    </row>
    <row r="171" spans="2:11" ht="15.75">
      <c r="B171" s="21"/>
      <c r="C171" s="11" t="s">
        <v>178</v>
      </c>
      <c r="D171" s="23"/>
      <c r="E171" s="23"/>
      <c r="F171" s="25"/>
      <c r="G171" s="25"/>
      <c r="H171" s="27"/>
      <c r="I171" s="27"/>
      <c r="J171" s="18"/>
      <c r="K171" s="18"/>
    </row>
    <row r="172" spans="2:11" ht="15.75">
      <c r="B172" s="21"/>
      <c r="C172" s="11" t="s">
        <v>179</v>
      </c>
      <c r="D172" s="23"/>
      <c r="E172" s="23"/>
      <c r="F172" s="25"/>
      <c r="G172" s="25"/>
      <c r="H172" s="27"/>
      <c r="I172" s="27"/>
      <c r="J172" s="18"/>
      <c r="K172" s="18"/>
    </row>
    <row r="173" spans="2:11" ht="15.75">
      <c r="B173" s="21"/>
      <c r="C173" s="11" t="s">
        <v>180</v>
      </c>
      <c r="D173" s="23"/>
      <c r="E173" s="23"/>
      <c r="F173" s="25"/>
      <c r="G173" s="25"/>
      <c r="H173" s="27"/>
      <c r="I173" s="27"/>
      <c r="J173" s="18"/>
      <c r="K173" s="18"/>
    </row>
    <row r="174" spans="2:11" ht="15.75">
      <c r="B174" s="21"/>
      <c r="C174" s="11" t="s">
        <v>181</v>
      </c>
      <c r="D174" s="23"/>
      <c r="E174" s="23"/>
      <c r="F174" s="25"/>
      <c r="G174" s="25"/>
      <c r="H174" s="27"/>
      <c r="I174" s="27"/>
      <c r="J174" s="18"/>
      <c r="K174" s="18"/>
    </row>
    <row r="175" spans="2:11" ht="15.75">
      <c r="B175" s="21"/>
      <c r="C175" s="11" t="s">
        <v>182</v>
      </c>
      <c r="D175" s="23"/>
      <c r="E175" s="23"/>
      <c r="F175" s="25"/>
      <c r="G175" s="25"/>
      <c r="H175" s="27"/>
      <c r="I175" s="27"/>
      <c r="J175" s="18"/>
      <c r="K175" s="18"/>
    </row>
    <row r="176" spans="2:11" ht="15.75">
      <c r="B176" s="21"/>
      <c r="C176" s="11" t="s">
        <v>183</v>
      </c>
      <c r="D176" s="23"/>
      <c r="E176" s="23"/>
      <c r="F176" s="25"/>
      <c r="G176" s="25"/>
      <c r="H176" s="27"/>
      <c r="I176" s="27"/>
      <c r="J176" s="18"/>
      <c r="K176" s="18"/>
    </row>
    <row r="177" spans="2:11" ht="15.75">
      <c r="B177" s="21"/>
      <c r="C177" s="11" t="s">
        <v>184</v>
      </c>
      <c r="D177" s="23"/>
      <c r="E177" s="23"/>
      <c r="F177" s="25"/>
      <c r="G177" s="25"/>
      <c r="H177" s="27"/>
      <c r="I177" s="27"/>
      <c r="J177" s="18"/>
      <c r="K177" s="18"/>
    </row>
    <row r="178" spans="2:11" ht="15.75">
      <c r="B178" s="21"/>
      <c r="C178" s="11" t="s">
        <v>185</v>
      </c>
      <c r="D178" s="23"/>
      <c r="E178" s="23"/>
      <c r="F178" s="25"/>
      <c r="G178" s="25"/>
      <c r="H178" s="27"/>
      <c r="I178" s="27"/>
      <c r="J178" s="18"/>
      <c r="K178" s="18"/>
    </row>
    <row r="179" spans="2:11" ht="15.75">
      <c r="B179" s="21"/>
      <c r="C179" s="11" t="s">
        <v>186</v>
      </c>
      <c r="D179" s="23"/>
      <c r="E179" s="23"/>
      <c r="F179" s="25"/>
      <c r="G179" s="25"/>
      <c r="H179" s="27"/>
      <c r="I179" s="27"/>
      <c r="J179" s="18"/>
      <c r="K179" s="18"/>
    </row>
    <row r="180" spans="2:11" ht="15.75">
      <c r="B180" s="21"/>
      <c r="C180" s="11" t="s">
        <v>187</v>
      </c>
      <c r="D180" s="23"/>
      <c r="E180" s="23"/>
      <c r="F180" s="25"/>
      <c r="G180" s="25"/>
      <c r="H180" s="27"/>
      <c r="I180" s="27"/>
      <c r="J180" s="18"/>
      <c r="K180" s="18"/>
    </row>
    <row r="181" spans="2:11" ht="15.75">
      <c r="B181" s="21"/>
      <c r="C181" s="11" t="s">
        <v>188</v>
      </c>
      <c r="D181" s="23"/>
      <c r="E181" s="23"/>
      <c r="F181" s="25"/>
      <c r="G181" s="25"/>
      <c r="H181" s="27"/>
      <c r="I181" s="27"/>
      <c r="J181" s="18"/>
      <c r="K181" s="18"/>
    </row>
    <row r="182" spans="2:11" ht="15.75">
      <c r="B182" s="21"/>
      <c r="C182" s="11" t="s">
        <v>189</v>
      </c>
      <c r="D182" s="23"/>
      <c r="E182" s="23"/>
      <c r="F182" s="25"/>
      <c r="G182" s="25"/>
      <c r="H182" s="27"/>
      <c r="I182" s="27"/>
      <c r="J182" s="18"/>
      <c r="K182" s="18"/>
    </row>
    <row r="183" spans="2:11" ht="15.75">
      <c r="B183" s="21"/>
      <c r="C183" s="11" t="s">
        <v>190</v>
      </c>
      <c r="D183" s="23"/>
      <c r="E183" s="23"/>
      <c r="F183" s="25"/>
      <c r="G183" s="25"/>
      <c r="H183" s="27"/>
      <c r="I183" s="27"/>
      <c r="J183" s="18"/>
      <c r="K183" s="18"/>
    </row>
    <row r="184" spans="2:11" ht="15.75">
      <c r="B184" s="21"/>
      <c r="C184" s="11" t="s">
        <v>191</v>
      </c>
      <c r="D184" s="23"/>
      <c r="E184" s="23"/>
      <c r="F184" s="25"/>
      <c r="G184" s="25"/>
      <c r="H184" s="27"/>
      <c r="I184" s="27"/>
      <c r="J184" s="18"/>
      <c r="K184" s="18"/>
    </row>
    <row r="185" spans="2:11" ht="15.75">
      <c r="B185" s="21"/>
      <c r="C185" s="11" t="s">
        <v>192</v>
      </c>
      <c r="D185" s="23"/>
      <c r="E185" s="23"/>
      <c r="F185" s="25"/>
      <c r="G185" s="25"/>
      <c r="H185" s="27"/>
      <c r="I185" s="27"/>
      <c r="J185" s="18"/>
      <c r="K185" s="18"/>
    </row>
    <row r="186" spans="2:11" ht="15.75">
      <c r="B186" s="21"/>
      <c r="C186" s="11" t="s">
        <v>193</v>
      </c>
      <c r="D186" s="23"/>
      <c r="E186" s="23"/>
      <c r="F186" s="25"/>
      <c r="G186" s="25"/>
      <c r="H186" s="27"/>
      <c r="I186" s="27"/>
      <c r="J186" s="18"/>
      <c r="K186" s="18"/>
    </row>
    <row r="187" spans="2:11" ht="15.75">
      <c r="B187" s="21"/>
      <c r="C187" s="11" t="s">
        <v>194</v>
      </c>
      <c r="D187" s="23"/>
      <c r="E187" s="23"/>
      <c r="F187" s="25"/>
      <c r="G187" s="25"/>
      <c r="H187" s="27"/>
      <c r="I187" s="27"/>
      <c r="J187" s="18"/>
      <c r="K187" s="18"/>
    </row>
    <row r="188" spans="2:11" ht="15.75">
      <c r="B188" s="21"/>
      <c r="C188" s="11" t="s">
        <v>195</v>
      </c>
      <c r="D188" s="23"/>
      <c r="E188" s="23"/>
      <c r="F188" s="25"/>
      <c r="G188" s="25"/>
      <c r="H188" s="27"/>
      <c r="I188" s="27"/>
      <c r="J188" s="18"/>
      <c r="K188" s="18"/>
    </row>
    <row r="189" spans="2:11" ht="15.75">
      <c r="B189" s="21"/>
      <c r="C189" s="11" t="s">
        <v>196</v>
      </c>
      <c r="D189" s="23"/>
      <c r="E189" s="23"/>
      <c r="F189" s="25"/>
      <c r="G189" s="25"/>
      <c r="H189" s="27"/>
      <c r="I189" s="27"/>
      <c r="J189" s="18"/>
      <c r="K189" s="18"/>
    </row>
    <row r="190" spans="2:11" ht="15.75">
      <c r="B190" s="21"/>
      <c r="C190" s="11" t="s">
        <v>197</v>
      </c>
      <c r="D190" s="23"/>
      <c r="E190" s="23"/>
      <c r="F190" s="25"/>
      <c r="G190" s="25"/>
      <c r="H190" s="27"/>
      <c r="I190" s="27"/>
      <c r="J190" s="18"/>
      <c r="K190" s="18"/>
    </row>
    <row r="191" spans="2:11" ht="15.75">
      <c r="B191" s="21"/>
      <c r="C191" s="11" t="s">
        <v>198</v>
      </c>
      <c r="D191" s="23"/>
      <c r="E191" s="23"/>
      <c r="F191" s="25"/>
      <c r="G191" s="25"/>
      <c r="H191" s="27"/>
      <c r="I191" s="27"/>
      <c r="J191" s="18"/>
      <c r="K191" s="18"/>
    </row>
    <row r="192" spans="2:11" ht="15.75">
      <c r="B192" s="21"/>
      <c r="C192" s="11" t="s">
        <v>199</v>
      </c>
      <c r="D192" s="23"/>
      <c r="E192" s="23"/>
      <c r="F192" s="25"/>
      <c r="G192" s="25"/>
      <c r="H192" s="27"/>
      <c r="I192" s="27"/>
      <c r="J192" s="18"/>
      <c r="K192" s="18"/>
    </row>
    <row r="193" spans="2:11" ht="15.75">
      <c r="B193" s="21"/>
      <c r="C193" s="11" t="s">
        <v>200</v>
      </c>
      <c r="D193" s="23"/>
      <c r="E193" s="23"/>
      <c r="F193" s="25"/>
      <c r="G193" s="25"/>
      <c r="H193" s="27"/>
      <c r="I193" s="27"/>
      <c r="J193" s="18"/>
      <c r="K193" s="18"/>
    </row>
    <row r="194" spans="2:11" ht="15.75">
      <c r="B194" s="21"/>
      <c r="C194" s="11" t="s">
        <v>201</v>
      </c>
      <c r="D194" s="23"/>
      <c r="E194" s="23"/>
      <c r="F194" s="25"/>
      <c r="G194" s="25"/>
      <c r="H194" s="27"/>
      <c r="I194" s="27"/>
      <c r="J194" s="18"/>
      <c r="K194" s="18"/>
    </row>
    <row r="195" spans="2:11" ht="15.75">
      <c r="B195" s="21"/>
      <c r="C195" s="11" t="s">
        <v>202</v>
      </c>
      <c r="D195" s="23"/>
      <c r="E195" s="23"/>
      <c r="F195" s="25"/>
      <c r="G195" s="25"/>
      <c r="H195" s="27"/>
      <c r="I195" s="27"/>
      <c r="J195" s="18"/>
      <c r="K195" s="18"/>
    </row>
    <row r="196" spans="2:11" ht="15.75">
      <c r="B196" s="21"/>
      <c r="C196" s="11" t="s">
        <v>203</v>
      </c>
      <c r="D196" s="23"/>
      <c r="E196" s="23"/>
      <c r="F196" s="25"/>
      <c r="G196" s="25"/>
      <c r="H196" s="27"/>
      <c r="I196" s="27"/>
      <c r="J196" s="18"/>
      <c r="K196" s="18"/>
    </row>
    <row r="197" spans="2:11" ht="15.75">
      <c r="B197" s="21"/>
      <c r="C197" s="11" t="s">
        <v>204</v>
      </c>
      <c r="D197" s="23"/>
      <c r="E197" s="23"/>
      <c r="F197" s="25"/>
      <c r="G197" s="25"/>
      <c r="H197" s="27"/>
      <c r="I197" s="27"/>
      <c r="J197" s="18"/>
      <c r="K197" s="18"/>
    </row>
    <row r="198" spans="2:11" ht="15.75">
      <c r="B198" s="21"/>
      <c r="C198" s="11" t="s">
        <v>205</v>
      </c>
      <c r="D198" s="23"/>
      <c r="E198" s="23"/>
      <c r="F198" s="25"/>
      <c r="G198" s="25"/>
      <c r="H198" s="27"/>
      <c r="I198" s="27"/>
      <c r="J198" s="18"/>
      <c r="K198" s="18"/>
    </row>
    <row r="199" spans="2:11" ht="15.75">
      <c r="B199" s="21"/>
      <c r="C199" s="11" t="s">
        <v>206</v>
      </c>
      <c r="D199" s="23"/>
      <c r="E199" s="23"/>
      <c r="F199" s="25"/>
      <c r="G199" s="25"/>
      <c r="H199" s="27"/>
      <c r="I199" s="27"/>
      <c r="J199" s="18"/>
      <c r="K199" s="18"/>
    </row>
    <row r="200" spans="2:11" ht="15.75">
      <c r="B200" s="21"/>
      <c r="C200" s="11" t="s">
        <v>207</v>
      </c>
      <c r="D200" s="23"/>
      <c r="E200" s="23"/>
      <c r="F200" s="25"/>
      <c r="G200" s="25"/>
      <c r="H200" s="27"/>
      <c r="I200" s="27"/>
      <c r="J200" s="18"/>
      <c r="K200" s="18"/>
    </row>
    <row r="201" spans="2:11" ht="15.75">
      <c r="B201" s="21"/>
      <c r="C201" s="11" t="s">
        <v>208</v>
      </c>
      <c r="D201" s="23"/>
      <c r="E201" s="23"/>
      <c r="F201" s="25"/>
      <c r="G201" s="25"/>
      <c r="H201" s="27"/>
      <c r="I201" s="27"/>
      <c r="J201" s="18"/>
      <c r="K201" s="18"/>
    </row>
    <row r="202" spans="2:11" ht="15.75">
      <c r="B202" s="21"/>
      <c r="C202" s="11" t="s">
        <v>209</v>
      </c>
      <c r="D202" s="23"/>
      <c r="E202" s="23"/>
      <c r="F202" s="25"/>
      <c r="G202" s="25"/>
      <c r="H202" s="27"/>
      <c r="I202" s="27"/>
      <c r="J202" s="18"/>
      <c r="K202" s="18"/>
    </row>
    <row r="203" spans="2:11" ht="15.75">
      <c r="B203" s="21"/>
      <c r="C203" s="11" t="s">
        <v>210</v>
      </c>
      <c r="D203" s="23"/>
      <c r="E203" s="23"/>
      <c r="F203" s="25"/>
      <c r="G203" s="25"/>
      <c r="H203" s="27"/>
      <c r="I203" s="27"/>
      <c r="J203" s="18"/>
      <c r="K203" s="18"/>
    </row>
    <row r="204" spans="2:11" ht="15.75">
      <c r="B204" s="21"/>
      <c r="C204" s="11" t="s">
        <v>211</v>
      </c>
      <c r="D204" s="23"/>
      <c r="E204" s="23"/>
      <c r="F204" s="25"/>
      <c r="G204" s="25"/>
      <c r="H204" s="27"/>
      <c r="I204" s="27"/>
      <c r="J204" s="18"/>
      <c r="K204" s="18"/>
    </row>
    <row r="205" spans="2:11" ht="15.75">
      <c r="B205" s="21"/>
      <c r="C205" s="11" t="s">
        <v>212</v>
      </c>
      <c r="D205" s="23"/>
      <c r="E205" s="23"/>
      <c r="F205" s="25"/>
      <c r="G205" s="25"/>
      <c r="H205" s="27"/>
      <c r="I205" s="27"/>
      <c r="J205" s="18"/>
      <c r="K205" s="18"/>
    </row>
    <row r="206" spans="2:11" ht="15.75">
      <c r="B206" s="21"/>
      <c r="C206" s="11" t="s">
        <v>213</v>
      </c>
      <c r="D206" s="23"/>
      <c r="E206" s="23"/>
      <c r="F206" s="25"/>
      <c r="G206" s="25"/>
      <c r="H206" s="27"/>
      <c r="I206" s="27"/>
      <c r="J206" s="18"/>
      <c r="K206" s="18"/>
    </row>
    <row r="207" spans="2:11" ht="15.75">
      <c r="B207" s="21"/>
      <c r="C207" s="11" t="s">
        <v>214</v>
      </c>
      <c r="D207" s="23"/>
      <c r="E207" s="23"/>
      <c r="F207" s="25"/>
      <c r="G207" s="25"/>
      <c r="H207" s="27"/>
      <c r="I207" s="27"/>
      <c r="J207" s="18"/>
      <c r="K207" s="18"/>
    </row>
    <row r="208" spans="2:11" ht="15.75">
      <c r="B208" s="21"/>
      <c r="C208" s="11" t="s">
        <v>215</v>
      </c>
      <c r="D208" s="23"/>
      <c r="E208" s="23"/>
      <c r="F208" s="25"/>
      <c r="G208" s="25"/>
      <c r="H208" s="27"/>
      <c r="I208" s="27"/>
      <c r="J208" s="18"/>
      <c r="K208" s="18"/>
    </row>
    <row r="209" spans="2:11" ht="15.75">
      <c r="B209" s="21"/>
      <c r="C209" s="11" t="s">
        <v>216</v>
      </c>
      <c r="D209" s="23"/>
      <c r="E209" s="23"/>
      <c r="F209" s="25"/>
      <c r="G209" s="25"/>
      <c r="H209" s="27"/>
      <c r="I209" s="27"/>
      <c r="J209" s="18"/>
      <c r="K209" s="18"/>
    </row>
    <row r="210" spans="2:11" ht="15.75">
      <c r="B210" s="21"/>
      <c r="C210" s="11" t="s">
        <v>217</v>
      </c>
      <c r="D210" s="23"/>
      <c r="E210" s="23"/>
      <c r="F210" s="25"/>
      <c r="G210" s="25"/>
      <c r="H210" s="27"/>
      <c r="I210" s="27"/>
      <c r="J210" s="18"/>
      <c r="K210" s="18"/>
    </row>
    <row r="211" spans="2:11" ht="15.75">
      <c r="B211" s="21"/>
      <c r="C211" s="11" t="s">
        <v>218</v>
      </c>
      <c r="D211" s="23"/>
      <c r="E211" s="23"/>
      <c r="F211" s="25"/>
      <c r="G211" s="25"/>
      <c r="H211" s="27"/>
      <c r="I211" s="27"/>
      <c r="J211" s="18"/>
      <c r="K211" s="18"/>
    </row>
    <row r="212" spans="2:11" ht="15.75">
      <c r="B212" s="21"/>
      <c r="C212" s="11" t="s">
        <v>219</v>
      </c>
      <c r="D212" s="23"/>
      <c r="E212" s="23"/>
      <c r="F212" s="25"/>
      <c r="G212" s="25"/>
      <c r="H212" s="27"/>
      <c r="I212" s="27"/>
      <c r="J212" s="18"/>
      <c r="K212" s="18"/>
    </row>
    <row r="213" spans="2:11" ht="15.75">
      <c r="B213" s="21"/>
      <c r="C213" s="11" t="s">
        <v>220</v>
      </c>
      <c r="D213" s="23"/>
      <c r="E213" s="23"/>
      <c r="F213" s="25"/>
      <c r="G213" s="25"/>
      <c r="H213" s="27"/>
      <c r="I213" s="27"/>
      <c r="J213" s="18"/>
      <c r="K213" s="18"/>
    </row>
    <row r="214" spans="2:11" ht="15.75">
      <c r="B214" s="21"/>
      <c r="C214" s="11" t="s">
        <v>221</v>
      </c>
      <c r="D214" s="23"/>
      <c r="E214" s="23"/>
      <c r="F214" s="25"/>
      <c r="G214" s="25"/>
      <c r="H214" s="27"/>
      <c r="I214" s="27"/>
      <c r="J214" s="18"/>
      <c r="K214" s="18"/>
    </row>
    <row r="215" spans="2:11" ht="15.75">
      <c r="B215" s="21"/>
      <c r="C215" s="11" t="s">
        <v>222</v>
      </c>
      <c r="D215" s="23"/>
      <c r="E215" s="23"/>
      <c r="F215" s="25"/>
      <c r="G215" s="25"/>
      <c r="H215" s="27"/>
      <c r="I215" s="27"/>
      <c r="J215" s="18"/>
      <c r="K215" s="18"/>
    </row>
    <row r="216" spans="2:11" ht="15.75">
      <c r="B216" s="21"/>
      <c r="C216" s="11" t="s">
        <v>223</v>
      </c>
      <c r="D216" s="23"/>
      <c r="E216" s="23"/>
      <c r="F216" s="25"/>
      <c r="G216" s="25"/>
      <c r="H216" s="27"/>
      <c r="I216" s="27"/>
      <c r="J216" s="18"/>
      <c r="K216" s="18"/>
    </row>
    <row r="217" spans="2:11" ht="15.75">
      <c r="B217" s="21"/>
      <c r="C217" s="11" t="s">
        <v>224</v>
      </c>
      <c r="D217" s="23"/>
      <c r="E217" s="23"/>
      <c r="F217" s="25"/>
      <c r="G217" s="25"/>
      <c r="H217" s="27"/>
      <c r="I217" s="27"/>
      <c r="J217" s="18"/>
      <c r="K217" s="18"/>
    </row>
    <row r="218" spans="2:11" ht="15.75">
      <c r="B218" s="21"/>
      <c r="C218" s="11" t="s">
        <v>225</v>
      </c>
      <c r="D218" s="23"/>
      <c r="E218" s="23"/>
      <c r="F218" s="25"/>
      <c r="G218" s="25"/>
      <c r="H218" s="27"/>
      <c r="I218" s="27"/>
      <c r="J218" s="18"/>
      <c r="K218" s="18"/>
    </row>
    <row r="219" spans="2:11" ht="15.75">
      <c r="B219" s="21"/>
      <c r="C219" s="11" t="s">
        <v>226</v>
      </c>
      <c r="D219" s="23"/>
      <c r="E219" s="23"/>
      <c r="F219" s="25"/>
      <c r="G219" s="25"/>
      <c r="H219" s="27"/>
      <c r="I219" s="27"/>
      <c r="J219" s="18"/>
      <c r="K219" s="18"/>
    </row>
    <row r="220" spans="2:11" ht="15.75">
      <c r="B220" s="21"/>
      <c r="C220" s="11" t="s">
        <v>227</v>
      </c>
      <c r="D220" s="23"/>
      <c r="E220" s="23"/>
      <c r="F220" s="25"/>
      <c r="G220" s="25"/>
      <c r="H220" s="27"/>
      <c r="I220" s="27"/>
      <c r="J220" s="18"/>
      <c r="K220" s="18"/>
    </row>
    <row r="221" spans="2:11" ht="15.75">
      <c r="B221" s="21"/>
      <c r="C221" s="11" t="s">
        <v>228</v>
      </c>
      <c r="D221" s="23"/>
      <c r="E221" s="23"/>
      <c r="F221" s="25"/>
      <c r="G221" s="25"/>
      <c r="H221" s="27"/>
      <c r="I221" s="27"/>
      <c r="J221" s="18"/>
      <c r="K221" s="18"/>
    </row>
    <row r="222" spans="2:11" ht="15.75">
      <c r="B222" s="21"/>
      <c r="C222" s="11" t="s">
        <v>229</v>
      </c>
      <c r="D222" s="23"/>
      <c r="E222" s="23"/>
      <c r="F222" s="25"/>
      <c r="G222" s="25"/>
      <c r="H222" s="27"/>
      <c r="I222" s="27"/>
      <c r="J222" s="18"/>
      <c r="K222" s="18"/>
    </row>
    <row r="223" spans="2:11" ht="15.75">
      <c r="B223" s="21"/>
      <c r="C223" s="11" t="s">
        <v>230</v>
      </c>
      <c r="D223" s="23"/>
      <c r="E223" s="23"/>
      <c r="F223" s="25"/>
      <c r="G223" s="25"/>
      <c r="H223" s="27"/>
      <c r="I223" s="27"/>
      <c r="J223" s="18"/>
      <c r="K223" s="18"/>
    </row>
    <row r="224" spans="2:11" ht="15.75">
      <c r="B224" s="21"/>
      <c r="C224" s="11" t="s">
        <v>231</v>
      </c>
      <c r="D224" s="23"/>
      <c r="E224" s="23"/>
      <c r="F224" s="25"/>
      <c r="G224" s="25"/>
      <c r="H224" s="27"/>
      <c r="I224" s="27"/>
      <c r="J224" s="18"/>
      <c r="K224" s="18"/>
    </row>
    <row r="225" spans="2:11" ht="15.75">
      <c r="B225" s="21"/>
      <c r="C225" s="11" t="s">
        <v>232</v>
      </c>
      <c r="D225" s="23"/>
      <c r="E225" s="23"/>
      <c r="F225" s="25"/>
      <c r="G225" s="25"/>
      <c r="H225" s="27"/>
      <c r="I225" s="27"/>
      <c r="J225" s="18"/>
      <c r="K225" s="18"/>
    </row>
    <row r="226" spans="2:11" ht="15.75">
      <c r="B226" s="21"/>
      <c r="C226" s="11" t="s">
        <v>233</v>
      </c>
      <c r="D226" s="23"/>
      <c r="E226" s="23"/>
      <c r="F226" s="25"/>
      <c r="G226" s="25"/>
      <c r="H226" s="27"/>
      <c r="I226" s="27"/>
      <c r="J226" s="18"/>
      <c r="K226" s="18"/>
    </row>
    <row r="227" spans="2:11" ht="15.75">
      <c r="B227" s="21"/>
      <c r="C227" s="11" t="s">
        <v>145</v>
      </c>
      <c r="D227" s="23"/>
      <c r="E227" s="23"/>
      <c r="F227" s="25"/>
      <c r="G227" s="25"/>
      <c r="H227" s="27"/>
      <c r="I227" s="27"/>
      <c r="J227" s="18"/>
      <c r="K227" s="18"/>
    </row>
    <row r="228" spans="2:11" ht="15.75">
      <c r="B228" s="21"/>
      <c r="C228" s="11" t="s">
        <v>234</v>
      </c>
      <c r="D228" s="23"/>
      <c r="E228" s="23"/>
      <c r="F228" s="25"/>
      <c r="G228" s="25"/>
      <c r="H228" s="27"/>
      <c r="I228" s="27"/>
      <c r="J228" s="18"/>
      <c r="K228" s="18"/>
    </row>
    <row r="229" spans="2:11" ht="15.75">
      <c r="B229" s="21"/>
      <c r="C229" s="11" t="s">
        <v>235</v>
      </c>
      <c r="D229" s="23"/>
      <c r="E229" s="23"/>
      <c r="F229" s="25"/>
      <c r="G229" s="25"/>
      <c r="H229" s="27"/>
      <c r="I229" s="27"/>
      <c r="J229" s="18"/>
      <c r="K229" s="18"/>
    </row>
    <row r="230" spans="2:11" ht="15.75">
      <c r="B230" s="21"/>
      <c r="C230" s="11" t="s">
        <v>155</v>
      </c>
      <c r="D230" s="23"/>
      <c r="E230" s="23"/>
      <c r="F230" s="25"/>
      <c r="G230" s="25"/>
      <c r="H230" s="27"/>
      <c r="I230" s="27"/>
      <c r="J230" s="18"/>
      <c r="K230" s="18"/>
    </row>
    <row r="231" spans="2:11" ht="15.75">
      <c r="B231" s="21"/>
      <c r="C231" s="11" t="s">
        <v>156</v>
      </c>
      <c r="D231" s="23"/>
      <c r="E231" s="23"/>
      <c r="F231" s="25"/>
      <c r="G231" s="25"/>
      <c r="H231" s="27"/>
      <c r="I231" s="27"/>
      <c r="J231" s="18"/>
      <c r="K231" s="18"/>
    </row>
    <row r="232" spans="2:11" ht="15.75">
      <c r="B232" s="21"/>
      <c r="C232" s="11" t="s">
        <v>157</v>
      </c>
      <c r="D232" s="23"/>
      <c r="E232" s="23"/>
      <c r="F232" s="25"/>
      <c r="G232" s="25"/>
      <c r="H232" s="27"/>
      <c r="I232" s="27"/>
      <c r="J232" s="18"/>
      <c r="K232" s="18"/>
    </row>
    <row r="233" spans="2:11" ht="15.75">
      <c r="B233" s="21"/>
      <c r="C233" s="11" t="s">
        <v>236</v>
      </c>
      <c r="D233" s="23"/>
      <c r="E233" s="23"/>
      <c r="F233" s="25"/>
      <c r="G233" s="25"/>
      <c r="H233" s="27"/>
      <c r="I233" s="27"/>
      <c r="J233" s="18"/>
      <c r="K233" s="18"/>
    </row>
    <row r="234" spans="2:11" ht="15.75">
      <c r="B234" s="21"/>
      <c r="C234" s="11" t="s">
        <v>158</v>
      </c>
      <c r="D234" s="23"/>
      <c r="E234" s="23"/>
      <c r="F234" s="25"/>
      <c r="G234" s="25"/>
      <c r="H234" s="27"/>
      <c r="I234" s="27"/>
      <c r="J234" s="18"/>
      <c r="K234" s="18"/>
    </row>
    <row r="235" spans="2:11" ht="15.75">
      <c r="B235" s="21"/>
      <c r="C235" s="11" t="s">
        <v>237</v>
      </c>
      <c r="D235" s="23"/>
      <c r="E235" s="23"/>
      <c r="F235" s="25"/>
      <c r="G235" s="25"/>
      <c r="H235" s="27"/>
      <c r="I235" s="27"/>
      <c r="J235" s="18"/>
      <c r="K235" s="18"/>
    </row>
    <row r="236" spans="2:11" ht="15.75">
      <c r="B236" s="21"/>
      <c r="C236" s="11" t="s">
        <v>149</v>
      </c>
      <c r="D236" s="23"/>
      <c r="E236" s="23"/>
      <c r="F236" s="25"/>
      <c r="G236" s="25"/>
      <c r="H236" s="27"/>
      <c r="I236" s="27"/>
      <c r="J236" s="18"/>
      <c r="K236" s="18"/>
    </row>
    <row r="237" spans="2:11" ht="15.75">
      <c r="B237" s="21"/>
      <c r="C237" s="11" t="s">
        <v>238</v>
      </c>
      <c r="D237" s="23"/>
      <c r="E237" s="23"/>
      <c r="F237" s="25"/>
      <c r="G237" s="25"/>
      <c r="H237" s="27"/>
      <c r="I237" s="27"/>
      <c r="J237" s="18"/>
      <c r="K237" s="18"/>
    </row>
    <row r="238" spans="2:11" ht="15.75">
      <c r="B238" s="21"/>
      <c r="C238" s="11" t="s">
        <v>239</v>
      </c>
      <c r="D238" s="23"/>
      <c r="E238" s="23"/>
      <c r="F238" s="25"/>
      <c r="G238" s="25"/>
      <c r="H238" s="27"/>
      <c r="I238" s="27"/>
      <c r="J238" s="18"/>
      <c r="K238" s="18"/>
    </row>
    <row r="239" spans="2:11" ht="15.75">
      <c r="B239" s="21"/>
      <c r="C239" s="11" t="s">
        <v>151</v>
      </c>
      <c r="D239" s="23"/>
      <c r="E239" s="23"/>
      <c r="F239" s="25"/>
      <c r="G239" s="25"/>
      <c r="H239" s="27"/>
      <c r="I239" s="27"/>
      <c r="J239" s="18"/>
      <c r="K239" s="18"/>
    </row>
    <row r="240" spans="2:11" ht="16.5" thickBot="1">
      <c r="B240" s="30"/>
      <c r="C240" s="13" t="s">
        <v>240</v>
      </c>
      <c r="D240" s="32"/>
      <c r="E240" s="32"/>
      <c r="F240" s="34"/>
      <c r="G240" s="34"/>
      <c r="H240" s="36"/>
      <c r="I240" s="36"/>
      <c r="J240" s="19"/>
      <c r="K240" s="19"/>
    </row>
    <row r="241" spans="2:11" ht="15.75">
      <c r="B241" s="29" t="s">
        <v>374</v>
      </c>
      <c r="C241" s="14" t="s">
        <v>76</v>
      </c>
      <c r="D241" s="31">
        <v>19834.71</v>
      </c>
      <c r="E241" s="31">
        <v>24000</v>
      </c>
      <c r="F241" s="33">
        <v>10</v>
      </c>
      <c r="G241" s="33" t="s">
        <v>162</v>
      </c>
      <c r="H241" s="35"/>
      <c r="I241" s="35"/>
      <c r="J241" s="17">
        <f>(F241*H241)</f>
        <v>0</v>
      </c>
      <c r="K241" s="17">
        <f>(F241*H241)*1.21</f>
        <v>0</v>
      </c>
    </row>
    <row r="242" spans="2:11" ht="15.75">
      <c r="B242" s="21"/>
      <c r="C242" s="11" t="s">
        <v>241</v>
      </c>
      <c r="D242" s="23"/>
      <c r="E242" s="23"/>
      <c r="F242" s="25"/>
      <c r="G242" s="25"/>
      <c r="H242" s="27"/>
      <c r="I242" s="27"/>
      <c r="J242" s="18"/>
      <c r="K242" s="18"/>
    </row>
    <row r="243" spans="2:11" ht="15.75">
      <c r="B243" s="21"/>
      <c r="C243" s="11" t="s">
        <v>242</v>
      </c>
      <c r="D243" s="23"/>
      <c r="E243" s="23"/>
      <c r="F243" s="25"/>
      <c r="G243" s="25"/>
      <c r="H243" s="27"/>
      <c r="I243" s="27"/>
      <c r="J243" s="18"/>
      <c r="K243" s="18"/>
    </row>
    <row r="244" spans="2:11" ht="15.75">
      <c r="B244" s="21"/>
      <c r="C244" s="11" t="s">
        <v>243</v>
      </c>
      <c r="D244" s="23"/>
      <c r="E244" s="23"/>
      <c r="F244" s="25"/>
      <c r="G244" s="25"/>
      <c r="H244" s="27"/>
      <c r="I244" s="27"/>
      <c r="J244" s="18"/>
      <c r="K244" s="18"/>
    </row>
    <row r="245" spans="2:11" ht="15.75">
      <c r="B245" s="21"/>
      <c r="C245" s="11" t="s">
        <v>244</v>
      </c>
      <c r="D245" s="23"/>
      <c r="E245" s="23"/>
      <c r="F245" s="25"/>
      <c r="G245" s="25"/>
      <c r="H245" s="27"/>
      <c r="I245" s="27"/>
      <c r="J245" s="18"/>
      <c r="K245" s="18"/>
    </row>
    <row r="246" spans="2:11" ht="15.75">
      <c r="B246" s="21"/>
      <c r="C246" s="11" t="s">
        <v>245</v>
      </c>
      <c r="D246" s="23"/>
      <c r="E246" s="23"/>
      <c r="F246" s="25"/>
      <c r="G246" s="25"/>
      <c r="H246" s="27"/>
      <c r="I246" s="27"/>
      <c r="J246" s="18"/>
      <c r="K246" s="18"/>
    </row>
    <row r="247" spans="2:11" ht="15.75">
      <c r="B247" s="21"/>
      <c r="C247" s="11" t="s">
        <v>246</v>
      </c>
      <c r="D247" s="23"/>
      <c r="E247" s="23"/>
      <c r="F247" s="25"/>
      <c r="G247" s="25"/>
      <c r="H247" s="27"/>
      <c r="I247" s="27"/>
      <c r="J247" s="18"/>
      <c r="K247" s="18"/>
    </row>
    <row r="248" spans="2:11" ht="15.75">
      <c r="B248" s="21"/>
      <c r="C248" s="11" t="s">
        <v>247</v>
      </c>
      <c r="D248" s="23"/>
      <c r="E248" s="23"/>
      <c r="F248" s="25"/>
      <c r="G248" s="25"/>
      <c r="H248" s="27"/>
      <c r="I248" s="27"/>
      <c r="J248" s="18"/>
      <c r="K248" s="18"/>
    </row>
    <row r="249" spans="2:11" ht="15.75">
      <c r="B249" s="21"/>
      <c r="C249" s="11" t="s">
        <v>248</v>
      </c>
      <c r="D249" s="23"/>
      <c r="E249" s="23"/>
      <c r="F249" s="25"/>
      <c r="G249" s="25"/>
      <c r="H249" s="27"/>
      <c r="I249" s="27"/>
      <c r="J249" s="18"/>
      <c r="K249" s="18"/>
    </row>
    <row r="250" spans="2:11" ht="15.75">
      <c r="B250" s="21"/>
      <c r="C250" s="11" t="s">
        <v>249</v>
      </c>
      <c r="D250" s="23"/>
      <c r="E250" s="23"/>
      <c r="F250" s="25"/>
      <c r="G250" s="25"/>
      <c r="H250" s="27"/>
      <c r="I250" s="27"/>
      <c r="J250" s="18"/>
      <c r="K250" s="18"/>
    </row>
    <row r="251" spans="2:11" ht="15.75">
      <c r="B251" s="21"/>
      <c r="C251" s="11" t="s">
        <v>250</v>
      </c>
      <c r="D251" s="23"/>
      <c r="E251" s="23"/>
      <c r="F251" s="25"/>
      <c r="G251" s="25"/>
      <c r="H251" s="27"/>
      <c r="I251" s="27"/>
      <c r="J251" s="18"/>
      <c r="K251" s="18"/>
    </row>
    <row r="252" spans="2:11" ht="15.75">
      <c r="B252" s="21"/>
      <c r="C252" s="11" t="s">
        <v>251</v>
      </c>
      <c r="D252" s="23"/>
      <c r="E252" s="23"/>
      <c r="F252" s="25"/>
      <c r="G252" s="25"/>
      <c r="H252" s="27"/>
      <c r="I252" s="27"/>
      <c r="J252" s="18"/>
      <c r="K252" s="18"/>
    </row>
    <row r="253" spans="2:11" ht="15.75">
      <c r="B253" s="21"/>
      <c r="C253" s="11" t="s">
        <v>252</v>
      </c>
      <c r="D253" s="23"/>
      <c r="E253" s="23"/>
      <c r="F253" s="25"/>
      <c r="G253" s="25"/>
      <c r="H253" s="27"/>
      <c r="I253" s="27"/>
      <c r="J253" s="18"/>
      <c r="K253" s="18"/>
    </row>
    <row r="254" spans="2:11" ht="15.75">
      <c r="B254" s="21"/>
      <c r="C254" s="11" t="s">
        <v>253</v>
      </c>
      <c r="D254" s="23"/>
      <c r="E254" s="23"/>
      <c r="F254" s="25"/>
      <c r="G254" s="25"/>
      <c r="H254" s="27"/>
      <c r="I254" s="27"/>
      <c r="J254" s="18"/>
      <c r="K254" s="18"/>
    </row>
    <row r="255" spans="2:11" ht="15.75">
      <c r="B255" s="21"/>
      <c r="C255" s="11" t="s">
        <v>254</v>
      </c>
      <c r="D255" s="23"/>
      <c r="E255" s="23"/>
      <c r="F255" s="25"/>
      <c r="G255" s="25"/>
      <c r="H255" s="27"/>
      <c r="I255" s="27"/>
      <c r="J255" s="18"/>
      <c r="K255" s="18"/>
    </row>
    <row r="256" spans="2:11" ht="15.75">
      <c r="B256" s="21"/>
      <c r="C256" s="11" t="s">
        <v>255</v>
      </c>
      <c r="D256" s="23"/>
      <c r="E256" s="23"/>
      <c r="F256" s="25"/>
      <c r="G256" s="25"/>
      <c r="H256" s="27"/>
      <c r="I256" s="27"/>
      <c r="J256" s="18"/>
      <c r="K256" s="18"/>
    </row>
    <row r="257" spans="2:11" ht="15.75">
      <c r="B257" s="21"/>
      <c r="C257" s="11" t="s">
        <v>256</v>
      </c>
      <c r="D257" s="23"/>
      <c r="E257" s="23"/>
      <c r="F257" s="25"/>
      <c r="G257" s="25"/>
      <c r="H257" s="27"/>
      <c r="I257" s="27"/>
      <c r="J257" s="18"/>
      <c r="K257" s="18"/>
    </row>
    <row r="258" spans="2:11" ht="15.75">
      <c r="B258" s="21"/>
      <c r="C258" s="11" t="s">
        <v>257</v>
      </c>
      <c r="D258" s="23"/>
      <c r="E258" s="23"/>
      <c r="F258" s="25"/>
      <c r="G258" s="25"/>
      <c r="H258" s="27"/>
      <c r="I258" s="27"/>
      <c r="J258" s="18"/>
      <c r="K258" s="18"/>
    </row>
    <row r="259" spans="2:11" ht="15.75">
      <c r="B259" s="21"/>
      <c r="C259" s="11" t="s">
        <v>258</v>
      </c>
      <c r="D259" s="23"/>
      <c r="E259" s="23"/>
      <c r="F259" s="25"/>
      <c r="G259" s="25"/>
      <c r="H259" s="27"/>
      <c r="I259" s="27"/>
      <c r="J259" s="18"/>
      <c r="K259" s="18"/>
    </row>
    <row r="260" spans="2:11" ht="15.75">
      <c r="B260" s="21"/>
      <c r="C260" s="11" t="s">
        <v>259</v>
      </c>
      <c r="D260" s="23"/>
      <c r="E260" s="23"/>
      <c r="F260" s="25"/>
      <c r="G260" s="25"/>
      <c r="H260" s="27"/>
      <c r="I260" s="27"/>
      <c r="J260" s="18"/>
      <c r="K260" s="18"/>
    </row>
    <row r="261" spans="2:11" ht="15.75">
      <c r="B261" s="21"/>
      <c r="C261" s="11" t="s">
        <v>260</v>
      </c>
      <c r="D261" s="23"/>
      <c r="E261" s="23"/>
      <c r="F261" s="25"/>
      <c r="G261" s="25"/>
      <c r="H261" s="27"/>
      <c r="I261" s="27"/>
      <c r="J261" s="18"/>
      <c r="K261" s="18"/>
    </row>
    <row r="262" spans="2:11" ht="15.75">
      <c r="B262" s="21"/>
      <c r="C262" s="11" t="s">
        <v>261</v>
      </c>
      <c r="D262" s="23"/>
      <c r="E262" s="23"/>
      <c r="F262" s="25"/>
      <c r="G262" s="25"/>
      <c r="H262" s="27"/>
      <c r="I262" s="27"/>
      <c r="J262" s="18"/>
      <c r="K262" s="18"/>
    </row>
    <row r="263" spans="2:11" ht="15.75">
      <c r="B263" s="21"/>
      <c r="C263" s="11" t="s">
        <v>262</v>
      </c>
      <c r="D263" s="23"/>
      <c r="E263" s="23"/>
      <c r="F263" s="25"/>
      <c r="G263" s="25"/>
      <c r="H263" s="27"/>
      <c r="I263" s="27"/>
      <c r="J263" s="18"/>
      <c r="K263" s="18"/>
    </row>
    <row r="264" spans="2:11" ht="15.75">
      <c r="B264" s="21"/>
      <c r="C264" s="11" t="s">
        <v>263</v>
      </c>
      <c r="D264" s="23"/>
      <c r="E264" s="23"/>
      <c r="F264" s="25"/>
      <c r="G264" s="25"/>
      <c r="H264" s="27"/>
      <c r="I264" s="27"/>
      <c r="J264" s="18"/>
      <c r="K264" s="18"/>
    </row>
    <row r="265" spans="2:11" ht="15.75">
      <c r="B265" s="21"/>
      <c r="C265" s="11" t="s">
        <v>264</v>
      </c>
      <c r="D265" s="23"/>
      <c r="E265" s="23"/>
      <c r="F265" s="25"/>
      <c r="G265" s="25"/>
      <c r="H265" s="27"/>
      <c r="I265" s="27"/>
      <c r="J265" s="18"/>
      <c r="K265" s="18"/>
    </row>
    <row r="266" spans="2:11" ht="15.75">
      <c r="B266" s="21"/>
      <c r="C266" s="11" t="s">
        <v>265</v>
      </c>
      <c r="D266" s="23"/>
      <c r="E266" s="23"/>
      <c r="F266" s="25"/>
      <c r="G266" s="25"/>
      <c r="H266" s="27"/>
      <c r="I266" s="27"/>
      <c r="J266" s="18"/>
      <c r="K266" s="18"/>
    </row>
    <row r="267" spans="2:11" ht="15.75">
      <c r="B267" s="21"/>
      <c r="C267" s="11" t="s">
        <v>266</v>
      </c>
      <c r="D267" s="23"/>
      <c r="E267" s="23"/>
      <c r="F267" s="25"/>
      <c r="G267" s="25"/>
      <c r="H267" s="27"/>
      <c r="I267" s="27"/>
      <c r="J267" s="18"/>
      <c r="K267" s="18"/>
    </row>
    <row r="268" spans="2:11" ht="15.75">
      <c r="B268" s="21"/>
      <c r="C268" s="11" t="s">
        <v>267</v>
      </c>
      <c r="D268" s="23"/>
      <c r="E268" s="23"/>
      <c r="F268" s="25"/>
      <c r="G268" s="25"/>
      <c r="H268" s="27"/>
      <c r="I268" s="27"/>
      <c r="J268" s="18"/>
      <c r="K268" s="18"/>
    </row>
    <row r="269" spans="2:11" ht="15.75">
      <c r="B269" s="21"/>
      <c r="C269" s="11" t="s">
        <v>268</v>
      </c>
      <c r="D269" s="23"/>
      <c r="E269" s="23"/>
      <c r="F269" s="25"/>
      <c r="G269" s="25"/>
      <c r="H269" s="27"/>
      <c r="I269" s="27"/>
      <c r="J269" s="18"/>
      <c r="K269" s="18"/>
    </row>
    <row r="270" spans="2:11" ht="15.75">
      <c r="B270" s="21"/>
      <c r="C270" s="11" t="s">
        <v>269</v>
      </c>
      <c r="D270" s="23"/>
      <c r="E270" s="23"/>
      <c r="F270" s="25"/>
      <c r="G270" s="25"/>
      <c r="H270" s="27"/>
      <c r="I270" s="27"/>
      <c r="J270" s="18"/>
      <c r="K270" s="18"/>
    </row>
    <row r="271" spans="2:11" ht="15.75">
      <c r="B271" s="21"/>
      <c r="C271" s="11" t="s">
        <v>270</v>
      </c>
      <c r="D271" s="23"/>
      <c r="E271" s="23"/>
      <c r="F271" s="25"/>
      <c r="G271" s="25"/>
      <c r="H271" s="27"/>
      <c r="I271" s="27"/>
      <c r="J271" s="18"/>
      <c r="K271" s="18"/>
    </row>
    <row r="272" spans="2:11" ht="15.75">
      <c r="B272" s="21"/>
      <c r="C272" s="11" t="s">
        <v>271</v>
      </c>
      <c r="D272" s="23"/>
      <c r="E272" s="23"/>
      <c r="F272" s="25"/>
      <c r="G272" s="25"/>
      <c r="H272" s="27"/>
      <c r="I272" s="27"/>
      <c r="J272" s="18"/>
      <c r="K272" s="18"/>
    </row>
    <row r="273" spans="2:11" ht="15.75">
      <c r="B273" s="21"/>
      <c r="C273" s="11" t="s">
        <v>272</v>
      </c>
      <c r="D273" s="23"/>
      <c r="E273" s="23"/>
      <c r="F273" s="25"/>
      <c r="G273" s="25"/>
      <c r="H273" s="27"/>
      <c r="I273" s="27"/>
      <c r="J273" s="18"/>
      <c r="K273" s="18"/>
    </row>
    <row r="274" spans="2:11" ht="15.75">
      <c r="B274" s="21"/>
      <c r="C274" s="11" t="s">
        <v>273</v>
      </c>
      <c r="D274" s="23"/>
      <c r="E274" s="23"/>
      <c r="F274" s="25"/>
      <c r="G274" s="25"/>
      <c r="H274" s="27"/>
      <c r="I274" s="27"/>
      <c r="J274" s="18"/>
      <c r="K274" s="18"/>
    </row>
    <row r="275" spans="2:11" ht="15.75">
      <c r="B275" s="21"/>
      <c r="C275" s="11" t="s">
        <v>274</v>
      </c>
      <c r="D275" s="23"/>
      <c r="E275" s="23"/>
      <c r="F275" s="25"/>
      <c r="G275" s="25"/>
      <c r="H275" s="27"/>
      <c r="I275" s="27"/>
      <c r="J275" s="18"/>
      <c r="K275" s="18"/>
    </row>
    <row r="276" spans="2:11" ht="15.75">
      <c r="B276" s="21"/>
      <c r="C276" s="11" t="s">
        <v>275</v>
      </c>
      <c r="D276" s="23"/>
      <c r="E276" s="23"/>
      <c r="F276" s="25"/>
      <c r="G276" s="25"/>
      <c r="H276" s="27"/>
      <c r="I276" s="27"/>
      <c r="J276" s="18"/>
      <c r="K276" s="18"/>
    </row>
    <row r="277" spans="2:11" ht="15.75">
      <c r="B277" s="21"/>
      <c r="C277" s="11" t="s">
        <v>276</v>
      </c>
      <c r="D277" s="23"/>
      <c r="E277" s="23"/>
      <c r="F277" s="25"/>
      <c r="G277" s="25"/>
      <c r="H277" s="27"/>
      <c r="I277" s="27"/>
      <c r="J277" s="18"/>
      <c r="K277" s="18"/>
    </row>
    <row r="278" spans="2:11" ht="15.75">
      <c r="B278" s="21"/>
      <c r="C278" s="11" t="s">
        <v>277</v>
      </c>
      <c r="D278" s="23"/>
      <c r="E278" s="23"/>
      <c r="F278" s="25"/>
      <c r="G278" s="25"/>
      <c r="H278" s="27"/>
      <c r="I278" s="27"/>
      <c r="J278" s="18"/>
      <c r="K278" s="18"/>
    </row>
    <row r="279" spans="2:11" ht="15.75">
      <c r="B279" s="21"/>
      <c r="C279" s="11" t="s">
        <v>278</v>
      </c>
      <c r="D279" s="23"/>
      <c r="E279" s="23"/>
      <c r="F279" s="25"/>
      <c r="G279" s="25"/>
      <c r="H279" s="27"/>
      <c r="I279" s="27"/>
      <c r="J279" s="18"/>
      <c r="K279" s="18"/>
    </row>
    <row r="280" spans="2:11" ht="15.75">
      <c r="B280" s="21"/>
      <c r="C280" s="11" t="s">
        <v>279</v>
      </c>
      <c r="D280" s="23"/>
      <c r="E280" s="23"/>
      <c r="F280" s="25"/>
      <c r="G280" s="25"/>
      <c r="H280" s="27"/>
      <c r="I280" s="27"/>
      <c r="J280" s="18"/>
      <c r="K280" s="18"/>
    </row>
    <row r="281" spans="2:11" ht="15.75">
      <c r="B281" s="21"/>
      <c r="C281" s="11" t="s">
        <v>280</v>
      </c>
      <c r="D281" s="23"/>
      <c r="E281" s="23"/>
      <c r="F281" s="25"/>
      <c r="G281" s="25"/>
      <c r="H281" s="27"/>
      <c r="I281" s="27"/>
      <c r="J281" s="18"/>
      <c r="K281" s="18"/>
    </row>
    <row r="282" spans="2:11" ht="15.75">
      <c r="B282" s="21"/>
      <c r="C282" s="11" t="s">
        <v>281</v>
      </c>
      <c r="D282" s="23"/>
      <c r="E282" s="23"/>
      <c r="F282" s="25"/>
      <c r="G282" s="25"/>
      <c r="H282" s="27"/>
      <c r="I282" s="27"/>
      <c r="J282" s="18"/>
      <c r="K282" s="18"/>
    </row>
    <row r="283" spans="2:11" ht="15.75">
      <c r="B283" s="21"/>
      <c r="C283" s="11" t="s">
        <v>282</v>
      </c>
      <c r="D283" s="23"/>
      <c r="E283" s="23"/>
      <c r="F283" s="25"/>
      <c r="G283" s="25"/>
      <c r="H283" s="27"/>
      <c r="I283" s="27"/>
      <c r="J283" s="18"/>
      <c r="K283" s="18"/>
    </row>
    <row r="284" spans="2:11" ht="15.75">
      <c r="B284" s="21"/>
      <c r="C284" s="11" t="s">
        <v>283</v>
      </c>
      <c r="D284" s="23"/>
      <c r="E284" s="23"/>
      <c r="F284" s="25"/>
      <c r="G284" s="25"/>
      <c r="H284" s="27"/>
      <c r="I284" s="27"/>
      <c r="J284" s="18"/>
      <c r="K284" s="18"/>
    </row>
    <row r="285" spans="2:11" ht="15.75">
      <c r="B285" s="21"/>
      <c r="C285" s="11" t="s">
        <v>284</v>
      </c>
      <c r="D285" s="23"/>
      <c r="E285" s="23"/>
      <c r="F285" s="25"/>
      <c r="G285" s="25"/>
      <c r="H285" s="27"/>
      <c r="I285" s="27"/>
      <c r="J285" s="18"/>
      <c r="K285" s="18"/>
    </row>
    <row r="286" spans="2:11" ht="15.75">
      <c r="B286" s="21"/>
      <c r="C286" s="11" t="s">
        <v>285</v>
      </c>
      <c r="D286" s="23"/>
      <c r="E286" s="23"/>
      <c r="F286" s="25"/>
      <c r="G286" s="25"/>
      <c r="H286" s="27"/>
      <c r="I286" s="27"/>
      <c r="J286" s="18"/>
      <c r="K286" s="18"/>
    </row>
    <row r="287" spans="2:11" ht="15.75">
      <c r="B287" s="21"/>
      <c r="C287" s="11" t="s">
        <v>286</v>
      </c>
      <c r="D287" s="23"/>
      <c r="E287" s="23"/>
      <c r="F287" s="25"/>
      <c r="G287" s="25"/>
      <c r="H287" s="27"/>
      <c r="I287" s="27"/>
      <c r="J287" s="18"/>
      <c r="K287" s="18"/>
    </row>
    <row r="288" spans="2:11" ht="15.75">
      <c r="B288" s="21"/>
      <c r="C288" s="11" t="s">
        <v>287</v>
      </c>
      <c r="D288" s="23"/>
      <c r="E288" s="23"/>
      <c r="F288" s="25"/>
      <c r="G288" s="25"/>
      <c r="H288" s="27"/>
      <c r="I288" s="27"/>
      <c r="J288" s="18"/>
      <c r="K288" s="18"/>
    </row>
    <row r="289" spans="2:11" ht="15.75">
      <c r="B289" s="21"/>
      <c r="C289" s="11" t="s">
        <v>288</v>
      </c>
      <c r="D289" s="23"/>
      <c r="E289" s="23"/>
      <c r="F289" s="25"/>
      <c r="G289" s="25"/>
      <c r="H289" s="27"/>
      <c r="I289" s="27"/>
      <c r="J289" s="18"/>
      <c r="K289" s="18"/>
    </row>
    <row r="290" spans="2:11" ht="15.75">
      <c r="B290" s="21"/>
      <c r="C290" s="11" t="s">
        <v>289</v>
      </c>
      <c r="D290" s="23"/>
      <c r="E290" s="23"/>
      <c r="F290" s="25"/>
      <c r="G290" s="25"/>
      <c r="H290" s="27"/>
      <c r="I290" s="27"/>
      <c r="J290" s="18"/>
      <c r="K290" s="18"/>
    </row>
    <row r="291" spans="2:11" ht="15.75">
      <c r="B291" s="21"/>
      <c r="C291" s="11" t="s">
        <v>290</v>
      </c>
      <c r="D291" s="23"/>
      <c r="E291" s="23"/>
      <c r="F291" s="25"/>
      <c r="G291" s="25"/>
      <c r="H291" s="27"/>
      <c r="I291" s="27"/>
      <c r="J291" s="18"/>
      <c r="K291" s="18"/>
    </row>
    <row r="292" spans="2:11" ht="15.75">
      <c r="B292" s="21"/>
      <c r="C292" s="11" t="s">
        <v>291</v>
      </c>
      <c r="D292" s="23"/>
      <c r="E292" s="23"/>
      <c r="F292" s="25"/>
      <c r="G292" s="25"/>
      <c r="H292" s="27"/>
      <c r="I292" s="27"/>
      <c r="J292" s="18"/>
      <c r="K292" s="18"/>
    </row>
    <row r="293" spans="2:11" ht="15.75">
      <c r="B293" s="21"/>
      <c r="C293" s="11" t="s">
        <v>292</v>
      </c>
      <c r="D293" s="23"/>
      <c r="E293" s="23"/>
      <c r="F293" s="25"/>
      <c r="G293" s="25"/>
      <c r="H293" s="27"/>
      <c r="I293" s="27"/>
      <c r="J293" s="18"/>
      <c r="K293" s="18"/>
    </row>
    <row r="294" spans="2:11" ht="15.75">
      <c r="B294" s="21"/>
      <c r="C294" s="11" t="s">
        <v>293</v>
      </c>
      <c r="D294" s="23"/>
      <c r="E294" s="23"/>
      <c r="F294" s="25"/>
      <c r="G294" s="25"/>
      <c r="H294" s="27"/>
      <c r="I294" s="27"/>
      <c r="J294" s="18"/>
      <c r="K294" s="18"/>
    </row>
    <row r="295" spans="2:11" ht="15.75">
      <c r="B295" s="21"/>
      <c r="C295" s="11" t="s">
        <v>294</v>
      </c>
      <c r="D295" s="23"/>
      <c r="E295" s="23"/>
      <c r="F295" s="25"/>
      <c r="G295" s="25"/>
      <c r="H295" s="27"/>
      <c r="I295" s="27"/>
      <c r="J295" s="18"/>
      <c r="K295" s="18"/>
    </row>
    <row r="296" spans="2:11" ht="15.75">
      <c r="B296" s="21"/>
      <c r="C296" s="11" t="s">
        <v>143</v>
      </c>
      <c r="D296" s="23"/>
      <c r="E296" s="23"/>
      <c r="F296" s="25"/>
      <c r="G296" s="25"/>
      <c r="H296" s="27"/>
      <c r="I296" s="27"/>
      <c r="J296" s="18"/>
      <c r="K296" s="18"/>
    </row>
    <row r="297" spans="2:11" ht="15.75">
      <c r="B297" s="21"/>
      <c r="C297" s="11" t="s">
        <v>295</v>
      </c>
      <c r="D297" s="23"/>
      <c r="E297" s="23"/>
      <c r="F297" s="25"/>
      <c r="G297" s="25"/>
      <c r="H297" s="27"/>
      <c r="I297" s="27"/>
      <c r="J297" s="18"/>
      <c r="K297" s="18"/>
    </row>
    <row r="298" spans="2:11" ht="15.75">
      <c r="B298" s="21"/>
      <c r="C298" s="11" t="s">
        <v>145</v>
      </c>
      <c r="D298" s="23"/>
      <c r="E298" s="23"/>
      <c r="F298" s="25"/>
      <c r="G298" s="25"/>
      <c r="H298" s="27"/>
      <c r="I298" s="27"/>
      <c r="J298" s="18"/>
      <c r="K298" s="18"/>
    </row>
    <row r="299" spans="2:11" ht="15.75">
      <c r="B299" s="21"/>
      <c r="C299" s="11" t="s">
        <v>296</v>
      </c>
      <c r="D299" s="23"/>
      <c r="E299" s="23"/>
      <c r="F299" s="25"/>
      <c r="G299" s="25"/>
      <c r="H299" s="27"/>
      <c r="I299" s="27"/>
      <c r="J299" s="18"/>
      <c r="K299" s="18"/>
    </row>
    <row r="300" spans="2:11" ht="15.75">
      <c r="B300" s="21"/>
      <c r="C300" s="11" t="s">
        <v>297</v>
      </c>
      <c r="D300" s="23"/>
      <c r="E300" s="23"/>
      <c r="F300" s="25"/>
      <c r="G300" s="25"/>
      <c r="H300" s="27"/>
      <c r="I300" s="27"/>
      <c r="J300" s="18"/>
      <c r="K300" s="18"/>
    </row>
    <row r="301" spans="2:11" ht="15.75">
      <c r="B301" s="21"/>
      <c r="C301" s="11" t="s">
        <v>155</v>
      </c>
      <c r="D301" s="23"/>
      <c r="E301" s="23"/>
      <c r="F301" s="25"/>
      <c r="G301" s="25"/>
      <c r="H301" s="27"/>
      <c r="I301" s="27"/>
      <c r="J301" s="18"/>
      <c r="K301" s="18"/>
    </row>
    <row r="302" spans="2:11" ht="15.75">
      <c r="B302" s="21"/>
      <c r="C302" s="11" t="s">
        <v>298</v>
      </c>
      <c r="D302" s="23"/>
      <c r="E302" s="23"/>
      <c r="F302" s="25"/>
      <c r="G302" s="25"/>
      <c r="H302" s="27"/>
      <c r="I302" s="27"/>
      <c r="J302" s="18"/>
      <c r="K302" s="18"/>
    </row>
    <row r="303" spans="2:11" ht="15.75">
      <c r="B303" s="21"/>
      <c r="C303" s="11" t="s">
        <v>156</v>
      </c>
      <c r="D303" s="23"/>
      <c r="E303" s="23"/>
      <c r="F303" s="25"/>
      <c r="G303" s="25"/>
      <c r="H303" s="27"/>
      <c r="I303" s="27"/>
      <c r="J303" s="18"/>
      <c r="K303" s="18"/>
    </row>
    <row r="304" spans="2:11" ht="15.75">
      <c r="B304" s="21"/>
      <c r="C304" s="11" t="s">
        <v>299</v>
      </c>
      <c r="D304" s="23"/>
      <c r="E304" s="23"/>
      <c r="F304" s="25"/>
      <c r="G304" s="25"/>
      <c r="H304" s="27"/>
      <c r="I304" s="27"/>
      <c r="J304" s="18"/>
      <c r="K304" s="18"/>
    </row>
    <row r="305" spans="2:11" ht="15.75">
      <c r="B305" s="21"/>
      <c r="C305" s="11" t="s">
        <v>149</v>
      </c>
      <c r="D305" s="23"/>
      <c r="E305" s="23"/>
      <c r="F305" s="25"/>
      <c r="G305" s="25"/>
      <c r="H305" s="27"/>
      <c r="I305" s="27"/>
      <c r="J305" s="18"/>
      <c r="K305" s="18"/>
    </row>
    <row r="306" spans="2:11" ht="15.75">
      <c r="B306" s="21"/>
      <c r="C306" s="11" t="s">
        <v>300</v>
      </c>
      <c r="D306" s="23"/>
      <c r="E306" s="23"/>
      <c r="F306" s="25"/>
      <c r="G306" s="25"/>
      <c r="H306" s="27"/>
      <c r="I306" s="27"/>
      <c r="J306" s="18"/>
      <c r="K306" s="18"/>
    </row>
    <row r="307" spans="2:11" ht="15.75">
      <c r="B307" s="21"/>
      <c r="C307" s="11" t="s">
        <v>301</v>
      </c>
      <c r="D307" s="23"/>
      <c r="E307" s="23"/>
      <c r="F307" s="25"/>
      <c r="G307" s="25"/>
      <c r="H307" s="27"/>
      <c r="I307" s="27"/>
      <c r="J307" s="18"/>
      <c r="K307" s="18"/>
    </row>
    <row r="308" spans="2:11" ht="16.5" thickBot="1">
      <c r="B308" s="30"/>
      <c r="C308" s="13" t="s">
        <v>302</v>
      </c>
      <c r="D308" s="32"/>
      <c r="E308" s="32"/>
      <c r="F308" s="34"/>
      <c r="G308" s="34"/>
      <c r="H308" s="36"/>
      <c r="I308" s="36"/>
      <c r="J308" s="19"/>
      <c r="K308" s="19"/>
    </row>
    <row r="309" spans="2:11" ht="15.75">
      <c r="B309" s="29" t="s">
        <v>474</v>
      </c>
      <c r="C309" s="14" t="s">
        <v>76</v>
      </c>
      <c r="D309" s="31">
        <v>28099.17</v>
      </c>
      <c r="E309" s="31">
        <v>34000</v>
      </c>
      <c r="F309" s="33">
        <v>6</v>
      </c>
      <c r="G309" s="33" t="s">
        <v>162</v>
      </c>
      <c r="H309" s="35"/>
      <c r="I309" s="35"/>
      <c r="J309" s="17">
        <f>(F309*H309)</f>
        <v>0</v>
      </c>
      <c r="K309" s="17">
        <f>(F309*H309)*1.21</f>
        <v>0</v>
      </c>
    </row>
    <row r="310" spans="2:11" ht="15.75">
      <c r="B310" s="21"/>
      <c r="C310" s="11" t="s">
        <v>304</v>
      </c>
      <c r="D310" s="23"/>
      <c r="E310" s="23"/>
      <c r="F310" s="25"/>
      <c r="G310" s="25"/>
      <c r="H310" s="27"/>
      <c r="I310" s="27"/>
      <c r="J310" s="18"/>
      <c r="K310" s="18"/>
    </row>
    <row r="311" spans="2:11" ht="15.75">
      <c r="B311" s="21"/>
      <c r="C311" s="11" t="s">
        <v>305</v>
      </c>
      <c r="D311" s="23"/>
      <c r="E311" s="23"/>
      <c r="F311" s="25"/>
      <c r="G311" s="25"/>
      <c r="H311" s="27"/>
      <c r="I311" s="27"/>
      <c r="J311" s="18"/>
      <c r="K311" s="18"/>
    </row>
    <row r="312" spans="2:11" ht="15.75">
      <c r="B312" s="21"/>
      <c r="C312" s="11" t="s">
        <v>306</v>
      </c>
      <c r="D312" s="23"/>
      <c r="E312" s="23"/>
      <c r="F312" s="25"/>
      <c r="G312" s="25"/>
      <c r="H312" s="27"/>
      <c r="I312" s="27"/>
      <c r="J312" s="18"/>
      <c r="K312" s="18"/>
    </row>
    <row r="313" spans="2:11" ht="15.75">
      <c r="B313" s="21"/>
      <c r="C313" s="11" t="s">
        <v>307</v>
      </c>
      <c r="D313" s="23"/>
      <c r="E313" s="23"/>
      <c r="F313" s="25"/>
      <c r="G313" s="25"/>
      <c r="H313" s="27"/>
      <c r="I313" s="27"/>
      <c r="J313" s="18"/>
      <c r="K313" s="18"/>
    </row>
    <row r="314" spans="2:11" ht="15.75">
      <c r="B314" s="21"/>
      <c r="C314" s="11" t="s">
        <v>308</v>
      </c>
      <c r="D314" s="23"/>
      <c r="E314" s="23"/>
      <c r="F314" s="25"/>
      <c r="G314" s="25"/>
      <c r="H314" s="27"/>
      <c r="I314" s="27"/>
      <c r="J314" s="18"/>
      <c r="K314" s="18"/>
    </row>
    <row r="315" spans="2:11" ht="15.75">
      <c r="B315" s="21"/>
      <c r="C315" s="11" t="s">
        <v>309</v>
      </c>
      <c r="D315" s="23"/>
      <c r="E315" s="23"/>
      <c r="F315" s="25"/>
      <c r="G315" s="25"/>
      <c r="H315" s="27"/>
      <c r="I315" s="27"/>
      <c r="J315" s="18"/>
      <c r="K315" s="18"/>
    </row>
    <row r="316" spans="2:11" ht="15.75">
      <c r="B316" s="21"/>
      <c r="C316" s="11" t="s">
        <v>310</v>
      </c>
      <c r="D316" s="23"/>
      <c r="E316" s="23"/>
      <c r="F316" s="25"/>
      <c r="G316" s="25"/>
      <c r="H316" s="27"/>
      <c r="I316" s="27"/>
      <c r="J316" s="18"/>
      <c r="K316" s="18"/>
    </row>
    <row r="317" spans="2:11" ht="15.75">
      <c r="B317" s="21"/>
      <c r="C317" s="11" t="s">
        <v>311</v>
      </c>
      <c r="D317" s="23"/>
      <c r="E317" s="23"/>
      <c r="F317" s="25"/>
      <c r="G317" s="25"/>
      <c r="H317" s="27"/>
      <c r="I317" s="27"/>
      <c r="J317" s="18"/>
      <c r="K317" s="18"/>
    </row>
    <row r="318" spans="2:11" ht="15.75">
      <c r="B318" s="21"/>
      <c r="C318" s="11" t="s">
        <v>312</v>
      </c>
      <c r="D318" s="23"/>
      <c r="E318" s="23"/>
      <c r="F318" s="25"/>
      <c r="G318" s="25"/>
      <c r="H318" s="27"/>
      <c r="I318" s="27"/>
      <c r="J318" s="18"/>
      <c r="K318" s="18"/>
    </row>
    <row r="319" spans="2:11" ht="15.75">
      <c r="B319" s="21"/>
      <c r="C319" s="11" t="s">
        <v>313</v>
      </c>
      <c r="D319" s="23"/>
      <c r="E319" s="23"/>
      <c r="F319" s="25"/>
      <c r="G319" s="25"/>
      <c r="H319" s="27"/>
      <c r="I319" s="27"/>
      <c r="J319" s="18"/>
      <c r="K319" s="18"/>
    </row>
    <row r="320" spans="2:11" ht="15.75">
      <c r="B320" s="21"/>
      <c r="C320" s="11" t="s">
        <v>314</v>
      </c>
      <c r="D320" s="23"/>
      <c r="E320" s="23"/>
      <c r="F320" s="25"/>
      <c r="G320" s="25"/>
      <c r="H320" s="27"/>
      <c r="I320" s="27"/>
      <c r="J320" s="18"/>
      <c r="K320" s="18"/>
    </row>
    <row r="321" spans="2:11" ht="15.75">
      <c r="B321" s="21"/>
      <c r="C321" s="11" t="s">
        <v>315</v>
      </c>
      <c r="D321" s="23"/>
      <c r="E321" s="23"/>
      <c r="F321" s="25"/>
      <c r="G321" s="25"/>
      <c r="H321" s="27"/>
      <c r="I321" s="27"/>
      <c r="J321" s="18"/>
      <c r="K321" s="18"/>
    </row>
    <row r="322" spans="2:11" ht="15.75">
      <c r="B322" s="21"/>
      <c r="C322" s="11" t="s">
        <v>316</v>
      </c>
      <c r="D322" s="23"/>
      <c r="E322" s="23"/>
      <c r="F322" s="25"/>
      <c r="G322" s="25"/>
      <c r="H322" s="27"/>
      <c r="I322" s="27"/>
      <c r="J322" s="18"/>
      <c r="K322" s="18"/>
    </row>
    <row r="323" spans="2:11" ht="15.75">
      <c r="B323" s="21"/>
      <c r="C323" s="11" t="s">
        <v>317</v>
      </c>
      <c r="D323" s="23"/>
      <c r="E323" s="23"/>
      <c r="F323" s="25"/>
      <c r="G323" s="25"/>
      <c r="H323" s="27"/>
      <c r="I323" s="27"/>
      <c r="J323" s="18"/>
      <c r="K323" s="18"/>
    </row>
    <row r="324" spans="2:11" ht="15.75">
      <c r="B324" s="21"/>
      <c r="C324" s="11" t="s">
        <v>318</v>
      </c>
      <c r="D324" s="23"/>
      <c r="E324" s="23"/>
      <c r="F324" s="25"/>
      <c r="G324" s="25"/>
      <c r="H324" s="27"/>
      <c r="I324" s="27"/>
      <c r="J324" s="18"/>
      <c r="K324" s="18"/>
    </row>
    <row r="325" spans="2:11" ht="15.75">
      <c r="B325" s="21"/>
      <c r="C325" s="11" t="s">
        <v>319</v>
      </c>
      <c r="D325" s="23"/>
      <c r="E325" s="23"/>
      <c r="F325" s="25"/>
      <c r="G325" s="25"/>
      <c r="H325" s="27"/>
      <c r="I325" s="27"/>
      <c r="J325" s="18"/>
      <c r="K325" s="18"/>
    </row>
    <row r="326" spans="2:11" ht="15.75">
      <c r="B326" s="21"/>
      <c r="C326" s="11" t="s">
        <v>320</v>
      </c>
      <c r="D326" s="23"/>
      <c r="E326" s="23"/>
      <c r="F326" s="25"/>
      <c r="G326" s="25"/>
      <c r="H326" s="27"/>
      <c r="I326" s="27"/>
      <c r="J326" s="18"/>
      <c r="K326" s="18"/>
    </row>
    <row r="327" spans="2:11" ht="15.75">
      <c r="B327" s="21"/>
      <c r="C327" s="11" t="s">
        <v>321</v>
      </c>
      <c r="D327" s="23"/>
      <c r="E327" s="23"/>
      <c r="F327" s="25"/>
      <c r="G327" s="25"/>
      <c r="H327" s="27"/>
      <c r="I327" s="27"/>
      <c r="J327" s="18"/>
      <c r="K327" s="18"/>
    </row>
    <row r="328" spans="2:11" ht="15.75">
      <c r="B328" s="21"/>
      <c r="C328" s="11" t="s">
        <v>322</v>
      </c>
      <c r="D328" s="23"/>
      <c r="E328" s="23"/>
      <c r="F328" s="25"/>
      <c r="G328" s="25"/>
      <c r="H328" s="27"/>
      <c r="I328" s="27"/>
      <c r="J328" s="18"/>
      <c r="K328" s="18"/>
    </row>
    <row r="329" spans="2:11" ht="15.75">
      <c r="B329" s="21"/>
      <c r="C329" s="11" t="s">
        <v>323</v>
      </c>
      <c r="D329" s="23"/>
      <c r="E329" s="23"/>
      <c r="F329" s="25"/>
      <c r="G329" s="25"/>
      <c r="H329" s="27"/>
      <c r="I329" s="27"/>
      <c r="J329" s="18"/>
      <c r="K329" s="18"/>
    </row>
    <row r="330" spans="2:11" ht="15.75">
      <c r="B330" s="21"/>
      <c r="C330" s="11" t="s">
        <v>324</v>
      </c>
      <c r="D330" s="23"/>
      <c r="E330" s="23"/>
      <c r="F330" s="25"/>
      <c r="G330" s="25"/>
      <c r="H330" s="27"/>
      <c r="I330" s="27"/>
      <c r="J330" s="18"/>
      <c r="K330" s="18"/>
    </row>
    <row r="331" spans="2:11" ht="15.75">
      <c r="B331" s="21"/>
      <c r="C331" s="11" t="s">
        <v>325</v>
      </c>
      <c r="D331" s="23"/>
      <c r="E331" s="23"/>
      <c r="F331" s="25"/>
      <c r="G331" s="25"/>
      <c r="H331" s="27"/>
      <c r="I331" s="27"/>
      <c r="J331" s="18"/>
      <c r="K331" s="18"/>
    </row>
    <row r="332" spans="2:11" ht="15.75">
      <c r="B332" s="21"/>
      <c r="C332" s="11" t="s">
        <v>326</v>
      </c>
      <c r="D332" s="23"/>
      <c r="E332" s="23"/>
      <c r="F332" s="25"/>
      <c r="G332" s="25"/>
      <c r="H332" s="27"/>
      <c r="I332" s="27"/>
      <c r="J332" s="18"/>
      <c r="K332" s="18"/>
    </row>
    <row r="333" spans="2:11" ht="15.75">
      <c r="B333" s="21"/>
      <c r="C333" s="11" t="s">
        <v>327</v>
      </c>
      <c r="D333" s="23"/>
      <c r="E333" s="23"/>
      <c r="F333" s="25"/>
      <c r="G333" s="25"/>
      <c r="H333" s="27"/>
      <c r="I333" s="27"/>
      <c r="J333" s="18"/>
      <c r="K333" s="18"/>
    </row>
    <row r="334" spans="2:11" ht="15.75">
      <c r="B334" s="21"/>
      <c r="C334" s="11" t="s">
        <v>328</v>
      </c>
      <c r="D334" s="23"/>
      <c r="E334" s="23"/>
      <c r="F334" s="25"/>
      <c r="G334" s="25"/>
      <c r="H334" s="27"/>
      <c r="I334" s="27"/>
      <c r="J334" s="18"/>
      <c r="K334" s="18"/>
    </row>
    <row r="335" spans="2:11" ht="15.75">
      <c r="B335" s="21"/>
      <c r="C335" s="11" t="s">
        <v>31</v>
      </c>
      <c r="D335" s="23"/>
      <c r="E335" s="23"/>
      <c r="F335" s="25"/>
      <c r="G335" s="25"/>
      <c r="H335" s="27"/>
      <c r="I335" s="27"/>
      <c r="J335" s="18"/>
      <c r="K335" s="18"/>
    </row>
    <row r="336" spans="2:11" ht="15.75">
      <c r="B336" s="21"/>
      <c r="C336" s="11" t="s">
        <v>329</v>
      </c>
      <c r="D336" s="23"/>
      <c r="E336" s="23"/>
      <c r="F336" s="25"/>
      <c r="G336" s="25"/>
      <c r="H336" s="27"/>
      <c r="I336" s="27"/>
      <c r="J336" s="18"/>
      <c r="K336" s="18"/>
    </row>
    <row r="337" spans="2:11" ht="15.75">
      <c r="B337" s="21"/>
      <c r="C337" s="11" t="s">
        <v>330</v>
      </c>
      <c r="D337" s="23"/>
      <c r="E337" s="23"/>
      <c r="F337" s="25"/>
      <c r="G337" s="25"/>
      <c r="H337" s="27"/>
      <c r="I337" s="27"/>
      <c r="J337" s="18"/>
      <c r="K337" s="18"/>
    </row>
    <row r="338" spans="2:11" ht="15.75">
      <c r="B338" s="21"/>
      <c r="C338" s="11" t="s">
        <v>331</v>
      </c>
      <c r="D338" s="23"/>
      <c r="E338" s="23"/>
      <c r="F338" s="25"/>
      <c r="G338" s="25"/>
      <c r="H338" s="27"/>
      <c r="I338" s="27"/>
      <c r="J338" s="18"/>
      <c r="K338" s="18"/>
    </row>
    <row r="339" spans="2:11" ht="15.75">
      <c r="B339" s="21"/>
      <c r="C339" s="11" t="s">
        <v>332</v>
      </c>
      <c r="D339" s="23"/>
      <c r="E339" s="23"/>
      <c r="F339" s="25"/>
      <c r="G339" s="25"/>
      <c r="H339" s="27"/>
      <c r="I339" s="27"/>
      <c r="J339" s="18"/>
      <c r="K339" s="18"/>
    </row>
    <row r="340" spans="2:11" ht="15.75">
      <c r="B340" s="21"/>
      <c r="C340" s="11" t="s">
        <v>333</v>
      </c>
      <c r="D340" s="23"/>
      <c r="E340" s="23"/>
      <c r="F340" s="25"/>
      <c r="G340" s="25"/>
      <c r="H340" s="27"/>
      <c r="I340" s="27"/>
      <c r="J340" s="18"/>
      <c r="K340" s="18"/>
    </row>
    <row r="341" spans="2:11" ht="15.75">
      <c r="B341" s="21"/>
      <c r="C341" s="11" t="s">
        <v>334</v>
      </c>
      <c r="D341" s="23"/>
      <c r="E341" s="23"/>
      <c r="F341" s="25"/>
      <c r="G341" s="25"/>
      <c r="H341" s="27"/>
      <c r="I341" s="27"/>
      <c r="J341" s="18"/>
      <c r="K341" s="18"/>
    </row>
    <row r="342" spans="2:11" ht="15.75">
      <c r="B342" s="21"/>
      <c r="C342" s="11" t="s">
        <v>335</v>
      </c>
      <c r="D342" s="23"/>
      <c r="E342" s="23"/>
      <c r="F342" s="25"/>
      <c r="G342" s="25"/>
      <c r="H342" s="27"/>
      <c r="I342" s="27"/>
      <c r="J342" s="18"/>
      <c r="K342" s="18"/>
    </row>
    <row r="343" spans="2:11" ht="15.75">
      <c r="B343" s="21"/>
      <c r="C343" s="11" t="s">
        <v>336</v>
      </c>
      <c r="D343" s="23"/>
      <c r="E343" s="23"/>
      <c r="F343" s="25"/>
      <c r="G343" s="25"/>
      <c r="H343" s="27"/>
      <c r="I343" s="27"/>
      <c r="J343" s="18"/>
      <c r="K343" s="18"/>
    </row>
    <row r="344" spans="2:11" ht="15.75">
      <c r="B344" s="21"/>
      <c r="C344" s="11" t="s">
        <v>337</v>
      </c>
      <c r="D344" s="23"/>
      <c r="E344" s="23"/>
      <c r="F344" s="25"/>
      <c r="G344" s="25"/>
      <c r="H344" s="27"/>
      <c r="I344" s="27"/>
      <c r="J344" s="18"/>
      <c r="K344" s="18"/>
    </row>
    <row r="345" spans="2:11" ht="15.75">
      <c r="B345" s="21"/>
      <c r="C345" s="11" t="s">
        <v>338</v>
      </c>
      <c r="D345" s="23"/>
      <c r="E345" s="23"/>
      <c r="F345" s="25"/>
      <c r="G345" s="25"/>
      <c r="H345" s="27"/>
      <c r="I345" s="27"/>
      <c r="J345" s="18"/>
      <c r="K345" s="18"/>
    </row>
    <row r="346" spans="2:11" ht="15.75">
      <c r="B346" s="21"/>
      <c r="C346" s="11" t="s">
        <v>339</v>
      </c>
      <c r="D346" s="23"/>
      <c r="E346" s="23"/>
      <c r="F346" s="25"/>
      <c r="G346" s="25"/>
      <c r="H346" s="27"/>
      <c r="I346" s="27"/>
      <c r="J346" s="18"/>
      <c r="K346" s="18"/>
    </row>
    <row r="347" spans="2:11" ht="15.75">
      <c r="B347" s="21"/>
      <c r="C347" s="11" t="s">
        <v>340</v>
      </c>
      <c r="D347" s="23"/>
      <c r="E347" s="23"/>
      <c r="F347" s="25"/>
      <c r="G347" s="25"/>
      <c r="H347" s="27"/>
      <c r="I347" s="27"/>
      <c r="J347" s="18"/>
      <c r="K347" s="18"/>
    </row>
    <row r="348" spans="2:11" ht="15.75">
      <c r="B348" s="21"/>
      <c r="C348" s="11" t="s">
        <v>341</v>
      </c>
      <c r="D348" s="23"/>
      <c r="E348" s="23"/>
      <c r="F348" s="25"/>
      <c r="G348" s="25"/>
      <c r="H348" s="27"/>
      <c r="I348" s="27"/>
      <c r="J348" s="18"/>
      <c r="K348" s="18"/>
    </row>
    <row r="349" spans="2:11" ht="15.75">
      <c r="B349" s="21"/>
      <c r="C349" s="11" t="s">
        <v>342</v>
      </c>
      <c r="D349" s="23"/>
      <c r="E349" s="23"/>
      <c r="F349" s="25"/>
      <c r="G349" s="25"/>
      <c r="H349" s="27"/>
      <c r="I349" s="27"/>
      <c r="J349" s="18"/>
      <c r="K349" s="18"/>
    </row>
    <row r="350" spans="2:11" ht="15.75">
      <c r="B350" s="21"/>
      <c r="C350" s="11" t="s">
        <v>343</v>
      </c>
      <c r="D350" s="23"/>
      <c r="E350" s="23"/>
      <c r="F350" s="25"/>
      <c r="G350" s="25"/>
      <c r="H350" s="27"/>
      <c r="I350" s="27"/>
      <c r="J350" s="18"/>
      <c r="K350" s="18"/>
    </row>
    <row r="351" spans="2:11" ht="15.75">
      <c r="B351" s="21"/>
      <c r="C351" s="11" t="s">
        <v>344</v>
      </c>
      <c r="D351" s="23"/>
      <c r="E351" s="23"/>
      <c r="F351" s="25"/>
      <c r="G351" s="25"/>
      <c r="H351" s="27"/>
      <c r="I351" s="27"/>
      <c r="J351" s="18"/>
      <c r="K351" s="18"/>
    </row>
    <row r="352" spans="2:11" ht="15.75">
      <c r="B352" s="21"/>
      <c r="C352" s="11" t="s">
        <v>345</v>
      </c>
      <c r="D352" s="23"/>
      <c r="E352" s="23"/>
      <c r="F352" s="25"/>
      <c r="G352" s="25"/>
      <c r="H352" s="27"/>
      <c r="I352" s="27"/>
      <c r="J352" s="18"/>
      <c r="K352" s="18"/>
    </row>
    <row r="353" spans="2:11" ht="15.75">
      <c r="B353" s="21"/>
      <c r="C353" s="11" t="s">
        <v>346</v>
      </c>
      <c r="D353" s="23"/>
      <c r="E353" s="23"/>
      <c r="F353" s="25"/>
      <c r="G353" s="25"/>
      <c r="H353" s="27"/>
      <c r="I353" s="27"/>
      <c r="J353" s="18"/>
      <c r="K353" s="18"/>
    </row>
    <row r="354" spans="2:11" ht="15.75">
      <c r="B354" s="21"/>
      <c r="C354" s="11" t="s">
        <v>347</v>
      </c>
      <c r="D354" s="23"/>
      <c r="E354" s="23"/>
      <c r="F354" s="25"/>
      <c r="G354" s="25"/>
      <c r="H354" s="27"/>
      <c r="I354" s="27"/>
      <c r="J354" s="18"/>
      <c r="K354" s="18"/>
    </row>
    <row r="355" spans="2:11" ht="15.75">
      <c r="B355" s="21"/>
      <c r="C355" s="11" t="s">
        <v>348</v>
      </c>
      <c r="D355" s="23"/>
      <c r="E355" s="23"/>
      <c r="F355" s="25"/>
      <c r="G355" s="25"/>
      <c r="H355" s="27"/>
      <c r="I355" s="27"/>
      <c r="J355" s="18"/>
      <c r="K355" s="18"/>
    </row>
    <row r="356" spans="2:11" ht="15.75">
      <c r="B356" s="21"/>
      <c r="C356" s="11" t="s">
        <v>349</v>
      </c>
      <c r="D356" s="23"/>
      <c r="E356" s="23"/>
      <c r="F356" s="25"/>
      <c r="G356" s="25"/>
      <c r="H356" s="27"/>
      <c r="I356" s="27"/>
      <c r="J356" s="18"/>
      <c r="K356" s="18"/>
    </row>
    <row r="357" spans="2:11" ht="15.75">
      <c r="B357" s="21"/>
      <c r="C357" s="11" t="s">
        <v>350</v>
      </c>
      <c r="D357" s="23"/>
      <c r="E357" s="23"/>
      <c r="F357" s="25"/>
      <c r="G357" s="25"/>
      <c r="H357" s="27"/>
      <c r="I357" s="27"/>
      <c r="J357" s="18"/>
      <c r="K357" s="18"/>
    </row>
    <row r="358" spans="2:11" ht="15.75">
      <c r="B358" s="21"/>
      <c r="C358" s="11" t="s">
        <v>351</v>
      </c>
      <c r="D358" s="23"/>
      <c r="E358" s="23"/>
      <c r="F358" s="25"/>
      <c r="G358" s="25"/>
      <c r="H358" s="27"/>
      <c r="I358" s="27"/>
      <c r="J358" s="18"/>
      <c r="K358" s="18"/>
    </row>
    <row r="359" spans="2:11" ht="15.75">
      <c r="B359" s="21"/>
      <c r="C359" s="11" t="s">
        <v>352</v>
      </c>
      <c r="D359" s="23"/>
      <c r="E359" s="23"/>
      <c r="F359" s="25"/>
      <c r="G359" s="25"/>
      <c r="H359" s="27"/>
      <c r="I359" s="27"/>
      <c r="J359" s="18"/>
      <c r="K359" s="18"/>
    </row>
    <row r="360" spans="2:11" ht="15.75">
      <c r="B360" s="21"/>
      <c r="C360" s="11" t="s">
        <v>353</v>
      </c>
      <c r="D360" s="23"/>
      <c r="E360" s="23"/>
      <c r="F360" s="25"/>
      <c r="G360" s="25"/>
      <c r="H360" s="27"/>
      <c r="I360" s="27"/>
      <c r="J360" s="18"/>
      <c r="K360" s="18"/>
    </row>
    <row r="361" spans="2:11" ht="15.75">
      <c r="B361" s="21"/>
      <c r="C361" s="11" t="s">
        <v>354</v>
      </c>
      <c r="D361" s="23"/>
      <c r="E361" s="23"/>
      <c r="F361" s="25"/>
      <c r="G361" s="25"/>
      <c r="H361" s="27"/>
      <c r="I361" s="27"/>
      <c r="J361" s="18"/>
      <c r="K361" s="18"/>
    </row>
    <row r="362" spans="2:11" ht="15.75">
      <c r="B362" s="21"/>
      <c r="C362" s="11" t="s">
        <v>355</v>
      </c>
      <c r="D362" s="23"/>
      <c r="E362" s="23"/>
      <c r="F362" s="25"/>
      <c r="G362" s="25"/>
      <c r="H362" s="27"/>
      <c r="I362" s="27"/>
      <c r="J362" s="18"/>
      <c r="K362" s="18"/>
    </row>
    <row r="363" spans="2:11" ht="15.75">
      <c r="B363" s="21"/>
      <c r="C363" s="11" t="s">
        <v>356</v>
      </c>
      <c r="D363" s="23"/>
      <c r="E363" s="23"/>
      <c r="F363" s="25"/>
      <c r="G363" s="25"/>
      <c r="H363" s="27"/>
      <c r="I363" s="27"/>
      <c r="J363" s="18"/>
      <c r="K363" s="18"/>
    </row>
    <row r="364" spans="2:11" ht="15.75">
      <c r="B364" s="21"/>
      <c r="C364" s="11" t="s">
        <v>357</v>
      </c>
      <c r="D364" s="23"/>
      <c r="E364" s="23"/>
      <c r="F364" s="25"/>
      <c r="G364" s="25"/>
      <c r="H364" s="27"/>
      <c r="I364" s="27"/>
      <c r="J364" s="18"/>
      <c r="K364" s="18"/>
    </row>
    <row r="365" spans="2:11" ht="15.75">
      <c r="B365" s="21"/>
      <c r="C365" s="11" t="s">
        <v>358</v>
      </c>
      <c r="D365" s="23"/>
      <c r="E365" s="23"/>
      <c r="F365" s="25"/>
      <c r="G365" s="25"/>
      <c r="H365" s="27"/>
      <c r="I365" s="27"/>
      <c r="J365" s="18"/>
      <c r="K365" s="18"/>
    </row>
    <row r="366" spans="2:11" ht="15.75">
      <c r="B366" s="21"/>
      <c r="C366" s="11" t="s">
        <v>359</v>
      </c>
      <c r="D366" s="23"/>
      <c r="E366" s="23"/>
      <c r="F366" s="25"/>
      <c r="G366" s="25"/>
      <c r="H366" s="27"/>
      <c r="I366" s="27"/>
      <c r="J366" s="18"/>
      <c r="K366" s="18"/>
    </row>
    <row r="367" spans="2:11" ht="15.75">
      <c r="B367" s="21"/>
      <c r="C367" s="11" t="s">
        <v>360</v>
      </c>
      <c r="D367" s="23"/>
      <c r="E367" s="23"/>
      <c r="F367" s="25"/>
      <c r="G367" s="25"/>
      <c r="H367" s="27"/>
      <c r="I367" s="27"/>
      <c r="J367" s="18"/>
      <c r="K367" s="18"/>
    </row>
    <row r="368" spans="2:11" ht="15.75">
      <c r="B368" s="21"/>
      <c r="C368" s="11" t="s">
        <v>361</v>
      </c>
      <c r="D368" s="23"/>
      <c r="E368" s="23"/>
      <c r="F368" s="25"/>
      <c r="G368" s="25"/>
      <c r="H368" s="27"/>
      <c r="I368" s="27"/>
      <c r="J368" s="18"/>
      <c r="K368" s="18"/>
    </row>
    <row r="369" spans="2:11" ht="15.75">
      <c r="B369" s="21"/>
      <c r="C369" s="11" t="s">
        <v>362</v>
      </c>
      <c r="D369" s="23"/>
      <c r="E369" s="23"/>
      <c r="F369" s="25"/>
      <c r="G369" s="25"/>
      <c r="H369" s="27"/>
      <c r="I369" s="27"/>
      <c r="J369" s="18"/>
      <c r="K369" s="18"/>
    </row>
    <row r="370" spans="2:11" ht="15.75">
      <c r="B370" s="21"/>
      <c r="C370" s="11" t="s">
        <v>363</v>
      </c>
      <c r="D370" s="23"/>
      <c r="E370" s="23"/>
      <c r="F370" s="25"/>
      <c r="G370" s="25"/>
      <c r="H370" s="27"/>
      <c r="I370" s="27"/>
      <c r="J370" s="18"/>
      <c r="K370" s="18"/>
    </row>
    <row r="371" spans="2:11" ht="15.75">
      <c r="B371" s="21"/>
      <c r="C371" s="11" t="s">
        <v>364</v>
      </c>
      <c r="D371" s="23"/>
      <c r="E371" s="23"/>
      <c r="F371" s="25"/>
      <c r="G371" s="25"/>
      <c r="H371" s="27"/>
      <c r="I371" s="27"/>
      <c r="J371" s="18"/>
      <c r="K371" s="18"/>
    </row>
    <row r="372" spans="2:11" ht="15.75">
      <c r="B372" s="21"/>
      <c r="C372" s="11" t="s">
        <v>365</v>
      </c>
      <c r="D372" s="23"/>
      <c r="E372" s="23"/>
      <c r="F372" s="25"/>
      <c r="G372" s="25"/>
      <c r="H372" s="27"/>
      <c r="I372" s="27"/>
      <c r="J372" s="18"/>
      <c r="K372" s="18"/>
    </row>
    <row r="373" spans="2:11" ht="15.75">
      <c r="B373" s="21"/>
      <c r="C373" s="11" t="s">
        <v>366</v>
      </c>
      <c r="D373" s="23"/>
      <c r="E373" s="23"/>
      <c r="F373" s="25"/>
      <c r="G373" s="25"/>
      <c r="H373" s="27"/>
      <c r="I373" s="27"/>
      <c r="J373" s="18"/>
      <c r="K373" s="18"/>
    </row>
    <row r="374" spans="2:11" ht="15.75">
      <c r="B374" s="21"/>
      <c r="C374" s="11" t="s">
        <v>143</v>
      </c>
      <c r="D374" s="23"/>
      <c r="E374" s="23"/>
      <c r="F374" s="25"/>
      <c r="G374" s="25"/>
      <c r="H374" s="27"/>
      <c r="I374" s="27"/>
      <c r="J374" s="18"/>
      <c r="K374" s="18"/>
    </row>
    <row r="375" spans="2:11" ht="15.75">
      <c r="B375" s="21"/>
      <c r="C375" s="11" t="s">
        <v>295</v>
      </c>
      <c r="D375" s="23"/>
      <c r="E375" s="23"/>
      <c r="F375" s="25"/>
      <c r="G375" s="25"/>
      <c r="H375" s="27"/>
      <c r="I375" s="27"/>
      <c r="J375" s="18"/>
      <c r="K375" s="18"/>
    </row>
    <row r="376" spans="2:11" ht="15.75">
      <c r="B376" s="21"/>
      <c r="C376" s="11" t="s">
        <v>145</v>
      </c>
      <c r="D376" s="23"/>
      <c r="E376" s="23"/>
      <c r="F376" s="25"/>
      <c r="G376" s="25"/>
      <c r="H376" s="27"/>
      <c r="I376" s="27"/>
      <c r="J376" s="18"/>
      <c r="K376" s="18"/>
    </row>
    <row r="377" spans="2:11" ht="15.75">
      <c r="B377" s="21"/>
      <c r="C377" s="11" t="s">
        <v>367</v>
      </c>
      <c r="D377" s="23"/>
      <c r="E377" s="23"/>
      <c r="F377" s="25"/>
      <c r="G377" s="25"/>
      <c r="H377" s="27"/>
      <c r="I377" s="27"/>
      <c r="J377" s="18"/>
      <c r="K377" s="18"/>
    </row>
    <row r="378" spans="2:11" ht="15.75">
      <c r="B378" s="21"/>
      <c r="C378" s="11" t="s">
        <v>368</v>
      </c>
      <c r="D378" s="23"/>
      <c r="E378" s="23"/>
      <c r="F378" s="25"/>
      <c r="G378" s="25"/>
      <c r="H378" s="27"/>
      <c r="I378" s="27"/>
      <c r="J378" s="18"/>
      <c r="K378" s="18"/>
    </row>
    <row r="379" spans="2:11" ht="15.75">
      <c r="B379" s="21"/>
      <c r="C379" s="11" t="s">
        <v>155</v>
      </c>
      <c r="D379" s="23"/>
      <c r="E379" s="23"/>
      <c r="F379" s="25"/>
      <c r="G379" s="25"/>
      <c r="H379" s="27"/>
      <c r="I379" s="27"/>
      <c r="J379" s="18"/>
      <c r="K379" s="18"/>
    </row>
    <row r="380" spans="2:11" ht="15.75">
      <c r="B380" s="21"/>
      <c r="C380" s="11" t="s">
        <v>156</v>
      </c>
      <c r="D380" s="23"/>
      <c r="E380" s="23"/>
      <c r="F380" s="25"/>
      <c r="G380" s="25"/>
      <c r="H380" s="27"/>
      <c r="I380" s="27"/>
      <c r="J380" s="18"/>
      <c r="K380" s="18"/>
    </row>
    <row r="381" spans="2:11" ht="15.75">
      <c r="B381" s="21"/>
      <c r="C381" s="11" t="s">
        <v>298</v>
      </c>
      <c r="D381" s="23"/>
      <c r="E381" s="23"/>
      <c r="F381" s="25"/>
      <c r="G381" s="25"/>
      <c r="H381" s="27"/>
      <c r="I381" s="27"/>
      <c r="J381" s="18"/>
      <c r="K381" s="18"/>
    </row>
    <row r="382" spans="2:11" ht="15.75">
      <c r="B382" s="21"/>
      <c r="C382" s="11" t="s">
        <v>369</v>
      </c>
      <c r="D382" s="23"/>
      <c r="E382" s="23"/>
      <c r="F382" s="25"/>
      <c r="G382" s="25"/>
      <c r="H382" s="27"/>
      <c r="I382" s="27"/>
      <c r="J382" s="18"/>
      <c r="K382" s="18"/>
    </row>
    <row r="383" spans="2:11" ht="15.75">
      <c r="B383" s="21"/>
      <c r="C383" s="11" t="s">
        <v>299</v>
      </c>
      <c r="D383" s="23"/>
      <c r="E383" s="23"/>
      <c r="F383" s="25"/>
      <c r="G383" s="25"/>
      <c r="H383" s="27"/>
      <c r="I383" s="27"/>
      <c r="J383" s="18"/>
      <c r="K383" s="18"/>
    </row>
    <row r="384" spans="2:11" ht="15.75">
      <c r="B384" s="21"/>
      <c r="C384" s="11" t="s">
        <v>370</v>
      </c>
      <c r="D384" s="23"/>
      <c r="E384" s="23"/>
      <c r="F384" s="25"/>
      <c r="G384" s="25"/>
      <c r="H384" s="27"/>
      <c r="I384" s="27"/>
      <c r="J384" s="18"/>
      <c r="K384" s="18"/>
    </row>
    <row r="385" spans="2:11" ht="15.75">
      <c r="B385" s="21"/>
      <c r="C385" s="11" t="s">
        <v>371</v>
      </c>
      <c r="D385" s="23"/>
      <c r="E385" s="23"/>
      <c r="F385" s="25"/>
      <c r="G385" s="25"/>
      <c r="H385" s="27"/>
      <c r="I385" s="27"/>
      <c r="J385" s="18"/>
      <c r="K385" s="18"/>
    </row>
    <row r="386" spans="2:11" ht="15.75">
      <c r="B386" s="21"/>
      <c r="C386" s="11" t="s">
        <v>301</v>
      </c>
      <c r="D386" s="23"/>
      <c r="E386" s="23"/>
      <c r="F386" s="25"/>
      <c r="G386" s="25"/>
      <c r="H386" s="27"/>
      <c r="I386" s="27"/>
      <c r="J386" s="18"/>
      <c r="K386" s="18"/>
    </row>
    <row r="387" spans="2:11" ht="16.5" thickBot="1">
      <c r="B387" s="30"/>
      <c r="C387" s="13" t="s">
        <v>372</v>
      </c>
      <c r="D387" s="32"/>
      <c r="E387" s="32"/>
      <c r="F387" s="34"/>
      <c r="G387" s="34"/>
      <c r="H387" s="36"/>
      <c r="I387" s="36"/>
      <c r="J387" s="19"/>
      <c r="K387" s="19"/>
    </row>
    <row r="388" spans="2:11" ht="15.75" customHeight="1">
      <c r="B388" s="20" t="s">
        <v>473</v>
      </c>
      <c r="C388" s="12" t="s">
        <v>76</v>
      </c>
      <c r="D388" s="22">
        <v>53719</v>
      </c>
      <c r="E388" s="22">
        <v>65000</v>
      </c>
      <c r="F388" s="24">
        <v>1</v>
      </c>
      <c r="G388" s="24" t="s">
        <v>162</v>
      </c>
      <c r="H388" s="26"/>
      <c r="I388" s="26"/>
      <c r="J388" s="28">
        <f>(F388*H388)</f>
        <v>0</v>
      </c>
      <c r="K388" s="28">
        <f>(F388*H388)*1.21</f>
        <v>0</v>
      </c>
    </row>
    <row r="389" spans="2:11" ht="15.75">
      <c r="B389" s="21"/>
      <c r="C389" s="11" t="s">
        <v>375</v>
      </c>
      <c r="D389" s="23"/>
      <c r="E389" s="23"/>
      <c r="F389" s="25"/>
      <c r="G389" s="25"/>
      <c r="H389" s="27"/>
      <c r="I389" s="27"/>
      <c r="J389" s="18"/>
      <c r="K389" s="18"/>
    </row>
    <row r="390" spans="2:11" ht="15.75">
      <c r="B390" s="21"/>
      <c r="C390" s="11" t="s">
        <v>376</v>
      </c>
      <c r="D390" s="23"/>
      <c r="E390" s="23"/>
      <c r="F390" s="25"/>
      <c r="G390" s="25"/>
      <c r="H390" s="27"/>
      <c r="I390" s="27"/>
      <c r="J390" s="18"/>
      <c r="K390" s="18"/>
    </row>
    <row r="391" spans="2:11" ht="15.75">
      <c r="B391" s="21"/>
      <c r="C391" s="11" t="s">
        <v>377</v>
      </c>
      <c r="D391" s="23"/>
      <c r="E391" s="23"/>
      <c r="F391" s="25"/>
      <c r="G391" s="25"/>
      <c r="H391" s="27"/>
      <c r="I391" s="27"/>
      <c r="J391" s="18"/>
      <c r="K391" s="18"/>
    </row>
    <row r="392" spans="2:11" ht="15.75">
      <c r="B392" s="21"/>
      <c r="C392" s="11" t="s">
        <v>378</v>
      </c>
      <c r="D392" s="23"/>
      <c r="E392" s="23"/>
      <c r="F392" s="25"/>
      <c r="G392" s="25"/>
      <c r="H392" s="27"/>
      <c r="I392" s="27"/>
      <c r="J392" s="18"/>
      <c r="K392" s="18"/>
    </row>
    <row r="393" spans="2:11" ht="15.75">
      <c r="B393" s="21"/>
      <c r="C393" s="11" t="s">
        <v>80</v>
      </c>
      <c r="D393" s="23"/>
      <c r="E393" s="23"/>
      <c r="F393" s="25"/>
      <c r="G393" s="25"/>
      <c r="H393" s="27"/>
      <c r="I393" s="27"/>
      <c r="J393" s="18"/>
      <c r="K393" s="18"/>
    </row>
    <row r="394" spans="2:11" ht="15.75">
      <c r="B394" s="21"/>
      <c r="C394" s="11" t="s">
        <v>379</v>
      </c>
      <c r="D394" s="23"/>
      <c r="E394" s="23"/>
      <c r="F394" s="25"/>
      <c r="G394" s="25"/>
      <c r="H394" s="27"/>
      <c r="I394" s="27"/>
      <c r="J394" s="18"/>
      <c r="K394" s="18"/>
    </row>
    <row r="395" spans="2:11" ht="15.75">
      <c r="B395" s="21"/>
      <c r="C395" s="11" t="s">
        <v>380</v>
      </c>
      <c r="D395" s="23"/>
      <c r="E395" s="23"/>
      <c r="F395" s="25"/>
      <c r="G395" s="25"/>
      <c r="H395" s="27"/>
      <c r="I395" s="27"/>
      <c r="J395" s="18"/>
      <c r="K395" s="18"/>
    </row>
    <row r="396" spans="2:11" ht="15.75">
      <c r="B396" s="21"/>
      <c r="C396" s="11" t="s">
        <v>381</v>
      </c>
      <c r="D396" s="23"/>
      <c r="E396" s="23"/>
      <c r="F396" s="25"/>
      <c r="G396" s="25"/>
      <c r="H396" s="27"/>
      <c r="I396" s="27"/>
      <c r="J396" s="18"/>
      <c r="K396" s="18"/>
    </row>
    <row r="397" spans="2:11" ht="15.75">
      <c r="B397" s="21"/>
      <c r="C397" s="11" t="s">
        <v>382</v>
      </c>
      <c r="D397" s="23"/>
      <c r="E397" s="23"/>
      <c r="F397" s="25"/>
      <c r="G397" s="25"/>
      <c r="H397" s="27"/>
      <c r="I397" s="27"/>
      <c r="J397" s="18"/>
      <c r="K397" s="18"/>
    </row>
    <row r="398" spans="2:11" ht="15.75">
      <c r="B398" s="21"/>
      <c r="C398" s="11" t="s">
        <v>383</v>
      </c>
      <c r="D398" s="23"/>
      <c r="E398" s="23"/>
      <c r="F398" s="25"/>
      <c r="G398" s="25"/>
      <c r="H398" s="27"/>
      <c r="I398" s="27"/>
      <c r="J398" s="18"/>
      <c r="K398" s="18"/>
    </row>
    <row r="399" spans="2:11" ht="15.75">
      <c r="B399" s="21"/>
      <c r="C399" s="11" t="s">
        <v>384</v>
      </c>
      <c r="D399" s="23"/>
      <c r="E399" s="23"/>
      <c r="F399" s="25"/>
      <c r="G399" s="25"/>
      <c r="H399" s="27"/>
      <c r="I399" s="27"/>
      <c r="J399" s="18"/>
      <c r="K399" s="18"/>
    </row>
    <row r="400" spans="2:11" ht="15.75">
      <c r="B400" s="21"/>
      <c r="C400" s="11" t="s">
        <v>385</v>
      </c>
      <c r="D400" s="23"/>
      <c r="E400" s="23"/>
      <c r="F400" s="25"/>
      <c r="G400" s="25"/>
      <c r="H400" s="27"/>
      <c r="I400" s="27"/>
      <c r="J400" s="18"/>
      <c r="K400" s="18"/>
    </row>
    <row r="401" spans="2:11" ht="15.75">
      <c r="B401" s="21"/>
      <c r="C401" s="11" t="s">
        <v>386</v>
      </c>
      <c r="D401" s="23"/>
      <c r="E401" s="23"/>
      <c r="F401" s="25"/>
      <c r="G401" s="25"/>
      <c r="H401" s="27"/>
      <c r="I401" s="27"/>
      <c r="J401" s="18"/>
      <c r="K401" s="18"/>
    </row>
    <row r="402" spans="2:11" ht="15.75">
      <c r="B402" s="21"/>
      <c r="C402" s="11" t="s">
        <v>387</v>
      </c>
      <c r="D402" s="23"/>
      <c r="E402" s="23"/>
      <c r="F402" s="25"/>
      <c r="G402" s="25"/>
      <c r="H402" s="27"/>
      <c r="I402" s="27"/>
      <c r="J402" s="18"/>
      <c r="K402" s="18"/>
    </row>
    <row r="403" spans="2:11" ht="15.75">
      <c r="B403" s="21"/>
      <c r="C403" s="11" t="s">
        <v>185</v>
      </c>
      <c r="D403" s="23"/>
      <c r="E403" s="23"/>
      <c r="F403" s="25"/>
      <c r="G403" s="25"/>
      <c r="H403" s="27"/>
      <c r="I403" s="27"/>
      <c r="J403" s="18"/>
      <c r="K403" s="18"/>
    </row>
    <row r="404" spans="2:11" ht="15.75">
      <c r="B404" s="21"/>
      <c r="C404" s="11" t="s">
        <v>388</v>
      </c>
      <c r="D404" s="23"/>
      <c r="E404" s="23"/>
      <c r="F404" s="25"/>
      <c r="G404" s="25"/>
      <c r="H404" s="27"/>
      <c r="I404" s="27"/>
      <c r="J404" s="18"/>
      <c r="K404" s="18"/>
    </row>
    <row r="405" spans="2:11" ht="15.75">
      <c r="B405" s="21"/>
      <c r="C405" s="11" t="s">
        <v>389</v>
      </c>
      <c r="D405" s="23"/>
      <c r="E405" s="23"/>
      <c r="F405" s="25"/>
      <c r="G405" s="25"/>
      <c r="H405" s="27"/>
      <c r="I405" s="27"/>
      <c r="J405" s="18"/>
      <c r="K405" s="18"/>
    </row>
    <row r="406" spans="2:11" ht="15.75">
      <c r="B406" s="21"/>
      <c r="C406" s="11" t="s">
        <v>390</v>
      </c>
      <c r="D406" s="23"/>
      <c r="E406" s="23"/>
      <c r="F406" s="25"/>
      <c r="G406" s="25"/>
      <c r="H406" s="27"/>
      <c r="I406" s="27"/>
      <c r="J406" s="18"/>
      <c r="K406" s="18"/>
    </row>
    <row r="407" spans="2:11" ht="15.75">
      <c r="B407" s="21"/>
      <c r="C407" s="11" t="s">
        <v>391</v>
      </c>
      <c r="D407" s="23"/>
      <c r="E407" s="23"/>
      <c r="F407" s="25"/>
      <c r="G407" s="25"/>
      <c r="H407" s="27"/>
      <c r="I407" s="27"/>
      <c r="J407" s="18"/>
      <c r="K407" s="18"/>
    </row>
    <row r="408" spans="2:11" ht="15.75">
      <c r="B408" s="21"/>
      <c r="C408" s="11" t="s">
        <v>392</v>
      </c>
      <c r="D408" s="23"/>
      <c r="E408" s="23"/>
      <c r="F408" s="25"/>
      <c r="G408" s="25"/>
      <c r="H408" s="27"/>
      <c r="I408" s="27"/>
      <c r="J408" s="18"/>
      <c r="K408" s="18"/>
    </row>
    <row r="409" spans="2:11" ht="15.75">
      <c r="B409" s="21"/>
      <c r="C409" s="11" t="s">
        <v>393</v>
      </c>
      <c r="D409" s="23"/>
      <c r="E409" s="23"/>
      <c r="F409" s="25"/>
      <c r="G409" s="25"/>
      <c r="H409" s="27"/>
      <c r="I409" s="27"/>
      <c r="J409" s="18"/>
      <c r="K409" s="18"/>
    </row>
    <row r="410" spans="2:11" ht="15.75">
      <c r="B410" s="21"/>
      <c r="C410" s="11" t="s">
        <v>394</v>
      </c>
      <c r="D410" s="23"/>
      <c r="E410" s="23"/>
      <c r="F410" s="25"/>
      <c r="G410" s="25"/>
      <c r="H410" s="27"/>
      <c r="I410" s="27"/>
      <c r="J410" s="18"/>
      <c r="K410" s="18"/>
    </row>
    <row r="411" spans="2:11" ht="15.75">
      <c r="B411" s="21"/>
      <c r="C411" s="11" t="s">
        <v>395</v>
      </c>
      <c r="D411" s="23"/>
      <c r="E411" s="23"/>
      <c r="F411" s="25"/>
      <c r="G411" s="25"/>
      <c r="H411" s="27"/>
      <c r="I411" s="27"/>
      <c r="J411" s="18"/>
      <c r="K411" s="18"/>
    </row>
    <row r="412" spans="2:11" ht="15.75">
      <c r="B412" s="21"/>
      <c r="C412" s="11" t="s">
        <v>396</v>
      </c>
      <c r="D412" s="23"/>
      <c r="E412" s="23"/>
      <c r="F412" s="25"/>
      <c r="G412" s="25"/>
      <c r="H412" s="27"/>
      <c r="I412" s="27"/>
      <c r="J412" s="18"/>
      <c r="K412" s="18"/>
    </row>
    <row r="413" spans="2:11" ht="15.75">
      <c r="B413" s="21"/>
      <c r="C413" s="11" t="s">
        <v>397</v>
      </c>
      <c r="D413" s="23"/>
      <c r="E413" s="23"/>
      <c r="F413" s="25"/>
      <c r="G413" s="25"/>
      <c r="H413" s="27"/>
      <c r="I413" s="27"/>
      <c r="J413" s="18"/>
      <c r="K413" s="18"/>
    </row>
    <row r="414" spans="2:11" ht="15.75">
      <c r="B414" s="21"/>
      <c r="C414" s="11" t="s">
        <v>398</v>
      </c>
      <c r="D414" s="23"/>
      <c r="E414" s="23"/>
      <c r="F414" s="25"/>
      <c r="G414" s="25"/>
      <c r="H414" s="27"/>
      <c r="I414" s="27"/>
      <c r="J414" s="18"/>
      <c r="K414" s="18"/>
    </row>
    <row r="415" spans="2:11" ht="15.75">
      <c r="B415" s="21"/>
      <c r="C415" s="11" t="s">
        <v>399</v>
      </c>
      <c r="D415" s="23"/>
      <c r="E415" s="23"/>
      <c r="F415" s="25"/>
      <c r="G415" s="25"/>
      <c r="H415" s="27"/>
      <c r="I415" s="27"/>
      <c r="J415" s="18"/>
      <c r="K415" s="18"/>
    </row>
    <row r="416" spans="2:11" ht="15.75">
      <c r="B416" s="21"/>
      <c r="C416" s="11" t="s">
        <v>400</v>
      </c>
      <c r="D416" s="23"/>
      <c r="E416" s="23"/>
      <c r="F416" s="25"/>
      <c r="G416" s="25"/>
      <c r="H416" s="27"/>
      <c r="I416" s="27"/>
      <c r="J416" s="18"/>
      <c r="K416" s="18"/>
    </row>
    <row r="417" spans="2:11" ht="15.75">
      <c r="B417" s="21"/>
      <c r="C417" s="11" t="s">
        <v>401</v>
      </c>
      <c r="D417" s="23"/>
      <c r="E417" s="23"/>
      <c r="F417" s="25"/>
      <c r="G417" s="25"/>
      <c r="H417" s="27"/>
      <c r="I417" s="27"/>
      <c r="J417" s="18"/>
      <c r="K417" s="18"/>
    </row>
    <row r="418" spans="2:11" ht="15.75">
      <c r="B418" s="21"/>
      <c r="C418" s="11" t="s">
        <v>402</v>
      </c>
      <c r="D418" s="23"/>
      <c r="E418" s="23"/>
      <c r="F418" s="25"/>
      <c r="G418" s="25"/>
      <c r="H418" s="27"/>
      <c r="I418" s="27"/>
      <c r="J418" s="18"/>
      <c r="K418" s="18"/>
    </row>
    <row r="419" spans="2:11" ht="15.75">
      <c r="B419" s="21"/>
      <c r="C419" s="11" t="s">
        <v>403</v>
      </c>
      <c r="D419" s="23"/>
      <c r="E419" s="23"/>
      <c r="F419" s="25"/>
      <c r="G419" s="25"/>
      <c r="H419" s="27"/>
      <c r="I419" s="27"/>
      <c r="J419" s="18"/>
      <c r="K419" s="18"/>
    </row>
    <row r="420" spans="2:11" ht="15.75">
      <c r="B420" s="21"/>
      <c r="C420" s="11" t="s">
        <v>404</v>
      </c>
      <c r="D420" s="23"/>
      <c r="E420" s="23"/>
      <c r="F420" s="25"/>
      <c r="G420" s="25"/>
      <c r="H420" s="27"/>
      <c r="I420" s="27"/>
      <c r="J420" s="18"/>
      <c r="K420" s="18"/>
    </row>
    <row r="421" spans="2:11" ht="15.75">
      <c r="B421" s="21"/>
      <c r="C421" s="11" t="s">
        <v>405</v>
      </c>
      <c r="D421" s="23"/>
      <c r="E421" s="23"/>
      <c r="F421" s="25"/>
      <c r="G421" s="25"/>
      <c r="H421" s="27"/>
      <c r="I421" s="27"/>
      <c r="J421" s="18"/>
      <c r="K421" s="18"/>
    </row>
    <row r="422" spans="2:11" ht="15.75">
      <c r="B422" s="21"/>
      <c r="C422" s="11" t="s">
        <v>406</v>
      </c>
      <c r="D422" s="23"/>
      <c r="E422" s="23"/>
      <c r="F422" s="25"/>
      <c r="G422" s="25"/>
      <c r="H422" s="27"/>
      <c r="I422" s="27"/>
      <c r="J422" s="18"/>
      <c r="K422" s="18"/>
    </row>
    <row r="423" spans="2:11" ht="15.75">
      <c r="B423" s="21"/>
      <c r="C423" s="11" t="s">
        <v>407</v>
      </c>
      <c r="D423" s="23"/>
      <c r="E423" s="23"/>
      <c r="F423" s="25"/>
      <c r="G423" s="25"/>
      <c r="H423" s="27"/>
      <c r="I423" s="27"/>
      <c r="J423" s="18"/>
      <c r="K423" s="18"/>
    </row>
    <row r="424" spans="2:11" ht="15.75">
      <c r="B424" s="21"/>
      <c r="C424" s="11" t="s">
        <v>408</v>
      </c>
      <c r="D424" s="23"/>
      <c r="E424" s="23"/>
      <c r="F424" s="25"/>
      <c r="G424" s="25"/>
      <c r="H424" s="27"/>
      <c r="I424" s="27"/>
      <c r="J424" s="18"/>
      <c r="K424" s="18"/>
    </row>
    <row r="425" spans="2:11" ht="15.75">
      <c r="B425" s="21"/>
      <c r="C425" s="11" t="s">
        <v>409</v>
      </c>
      <c r="D425" s="23"/>
      <c r="E425" s="23"/>
      <c r="F425" s="25"/>
      <c r="G425" s="25"/>
      <c r="H425" s="27"/>
      <c r="I425" s="27"/>
      <c r="J425" s="18"/>
      <c r="K425" s="18"/>
    </row>
    <row r="426" spans="2:11" ht="15.75">
      <c r="B426" s="21"/>
      <c r="C426" s="11" t="s">
        <v>410</v>
      </c>
      <c r="D426" s="23"/>
      <c r="E426" s="23"/>
      <c r="F426" s="25"/>
      <c r="G426" s="25"/>
      <c r="H426" s="27"/>
      <c r="I426" s="27"/>
      <c r="J426" s="18"/>
      <c r="K426" s="18"/>
    </row>
    <row r="427" spans="2:11" ht="15.75">
      <c r="B427" s="21"/>
      <c r="C427" s="11" t="s">
        <v>411</v>
      </c>
      <c r="D427" s="23"/>
      <c r="E427" s="23"/>
      <c r="F427" s="25"/>
      <c r="G427" s="25"/>
      <c r="H427" s="27"/>
      <c r="I427" s="27"/>
      <c r="J427" s="18"/>
      <c r="K427" s="18"/>
    </row>
    <row r="428" spans="2:11" ht="15.75">
      <c r="B428" s="21"/>
      <c r="C428" s="11" t="s">
        <v>412</v>
      </c>
      <c r="D428" s="23"/>
      <c r="E428" s="23"/>
      <c r="F428" s="25"/>
      <c r="G428" s="25"/>
      <c r="H428" s="27"/>
      <c r="I428" s="27"/>
      <c r="J428" s="18"/>
      <c r="K428" s="18"/>
    </row>
    <row r="429" spans="2:11" ht="15.75">
      <c r="B429" s="21"/>
      <c r="C429" s="11" t="s">
        <v>413</v>
      </c>
      <c r="D429" s="23"/>
      <c r="E429" s="23"/>
      <c r="F429" s="25"/>
      <c r="G429" s="25"/>
      <c r="H429" s="27"/>
      <c r="I429" s="27"/>
      <c r="J429" s="18"/>
      <c r="K429" s="18"/>
    </row>
    <row r="430" spans="2:11" ht="15.75">
      <c r="B430" s="21"/>
      <c r="C430" s="11" t="s">
        <v>414</v>
      </c>
      <c r="D430" s="23"/>
      <c r="E430" s="23"/>
      <c r="F430" s="25"/>
      <c r="G430" s="25"/>
      <c r="H430" s="27"/>
      <c r="I430" s="27"/>
      <c r="J430" s="18"/>
      <c r="K430" s="18"/>
    </row>
    <row r="431" spans="2:11" ht="15.75">
      <c r="B431" s="21"/>
      <c r="C431" s="11" t="s">
        <v>415</v>
      </c>
      <c r="D431" s="23"/>
      <c r="E431" s="23"/>
      <c r="F431" s="25"/>
      <c r="G431" s="25"/>
      <c r="H431" s="27"/>
      <c r="I431" s="27"/>
      <c r="J431" s="18"/>
      <c r="K431" s="18"/>
    </row>
    <row r="432" spans="2:11" ht="15.75">
      <c r="B432" s="21"/>
      <c r="C432" s="11" t="s">
        <v>196</v>
      </c>
      <c r="D432" s="23"/>
      <c r="E432" s="23"/>
      <c r="F432" s="25"/>
      <c r="G432" s="25"/>
      <c r="H432" s="27"/>
      <c r="I432" s="27"/>
      <c r="J432" s="18"/>
      <c r="K432" s="18"/>
    </row>
    <row r="433" spans="2:11" ht="15.75">
      <c r="B433" s="21"/>
      <c r="C433" s="11" t="s">
        <v>416</v>
      </c>
      <c r="D433" s="23"/>
      <c r="E433" s="23"/>
      <c r="F433" s="25"/>
      <c r="G433" s="25"/>
      <c r="H433" s="27"/>
      <c r="I433" s="27"/>
      <c r="J433" s="18"/>
      <c r="K433" s="18"/>
    </row>
    <row r="434" spans="2:11" ht="15.75">
      <c r="B434" s="21"/>
      <c r="C434" s="11" t="s">
        <v>114</v>
      </c>
      <c r="D434" s="23"/>
      <c r="E434" s="23"/>
      <c r="F434" s="25"/>
      <c r="G434" s="25"/>
      <c r="H434" s="27"/>
      <c r="I434" s="27"/>
      <c r="J434" s="18"/>
      <c r="K434" s="18"/>
    </row>
    <row r="435" spans="2:11" ht="15.75">
      <c r="B435" s="21"/>
      <c r="C435" s="11" t="s">
        <v>417</v>
      </c>
      <c r="D435" s="23"/>
      <c r="E435" s="23"/>
      <c r="F435" s="25"/>
      <c r="G435" s="25"/>
      <c r="H435" s="27"/>
      <c r="I435" s="27"/>
      <c r="J435" s="18"/>
      <c r="K435" s="18"/>
    </row>
    <row r="436" spans="2:11" ht="15.75">
      <c r="B436" s="21"/>
      <c r="C436" s="11" t="s">
        <v>418</v>
      </c>
      <c r="D436" s="23"/>
      <c r="E436" s="23"/>
      <c r="F436" s="25"/>
      <c r="G436" s="25"/>
      <c r="H436" s="27"/>
      <c r="I436" s="27"/>
      <c r="J436" s="18"/>
      <c r="K436" s="18"/>
    </row>
    <row r="437" spans="2:11" ht="15.75">
      <c r="B437" s="21"/>
      <c r="C437" s="11" t="s">
        <v>419</v>
      </c>
      <c r="D437" s="23"/>
      <c r="E437" s="23"/>
      <c r="F437" s="25"/>
      <c r="G437" s="25"/>
      <c r="H437" s="27"/>
      <c r="I437" s="27"/>
      <c r="J437" s="18"/>
      <c r="K437" s="18"/>
    </row>
    <row r="438" spans="2:11" ht="15.75">
      <c r="B438" s="21"/>
      <c r="C438" s="11" t="s">
        <v>420</v>
      </c>
      <c r="D438" s="23"/>
      <c r="E438" s="23"/>
      <c r="F438" s="25"/>
      <c r="G438" s="25"/>
      <c r="H438" s="27"/>
      <c r="I438" s="27"/>
      <c r="J438" s="18"/>
      <c r="K438" s="18"/>
    </row>
    <row r="439" spans="2:11" ht="15.75">
      <c r="B439" s="21"/>
      <c r="C439" s="11" t="s">
        <v>421</v>
      </c>
      <c r="D439" s="23"/>
      <c r="E439" s="23"/>
      <c r="F439" s="25"/>
      <c r="G439" s="25"/>
      <c r="H439" s="27"/>
      <c r="I439" s="27"/>
      <c r="J439" s="18"/>
      <c r="K439" s="18"/>
    </row>
    <row r="440" spans="2:11" ht="15.75">
      <c r="B440" s="21"/>
      <c r="C440" s="11" t="s">
        <v>422</v>
      </c>
      <c r="D440" s="23"/>
      <c r="E440" s="23"/>
      <c r="F440" s="25"/>
      <c r="G440" s="25"/>
      <c r="H440" s="27"/>
      <c r="I440" s="27"/>
      <c r="J440" s="18"/>
      <c r="K440" s="18"/>
    </row>
    <row r="441" spans="2:11" ht="15.75">
      <c r="B441" s="21"/>
      <c r="C441" s="11" t="s">
        <v>423</v>
      </c>
      <c r="D441" s="23"/>
      <c r="E441" s="23"/>
      <c r="F441" s="25"/>
      <c r="G441" s="25"/>
      <c r="H441" s="27"/>
      <c r="I441" s="27"/>
      <c r="J441" s="18"/>
      <c r="K441" s="18"/>
    </row>
    <row r="442" spans="2:11" ht="15.75">
      <c r="B442" s="21"/>
      <c r="C442" s="11" t="s">
        <v>424</v>
      </c>
      <c r="D442" s="23"/>
      <c r="E442" s="23"/>
      <c r="F442" s="25"/>
      <c r="G442" s="25"/>
      <c r="H442" s="27"/>
      <c r="I442" s="27"/>
      <c r="J442" s="18"/>
      <c r="K442" s="18"/>
    </row>
    <row r="443" spans="2:11" ht="15.75">
      <c r="B443" s="21"/>
      <c r="C443" s="11" t="s">
        <v>425</v>
      </c>
      <c r="D443" s="23"/>
      <c r="E443" s="23"/>
      <c r="F443" s="25"/>
      <c r="G443" s="25"/>
      <c r="H443" s="27"/>
      <c r="I443" s="27"/>
      <c r="J443" s="18"/>
      <c r="K443" s="18"/>
    </row>
    <row r="444" spans="2:11" ht="15.75">
      <c r="B444" s="21"/>
      <c r="C444" s="11" t="s">
        <v>426</v>
      </c>
      <c r="D444" s="23"/>
      <c r="E444" s="23"/>
      <c r="F444" s="25"/>
      <c r="G444" s="25"/>
      <c r="H444" s="27"/>
      <c r="I444" s="27"/>
      <c r="J444" s="18"/>
      <c r="K444" s="18"/>
    </row>
    <row r="445" spans="2:11" ht="15.75">
      <c r="B445" s="21"/>
      <c r="C445" s="11" t="s">
        <v>427</v>
      </c>
      <c r="D445" s="23"/>
      <c r="E445" s="23"/>
      <c r="F445" s="25"/>
      <c r="G445" s="25"/>
      <c r="H445" s="27"/>
      <c r="I445" s="27"/>
      <c r="J445" s="18"/>
      <c r="K445" s="18"/>
    </row>
    <row r="446" spans="2:11" ht="15.75">
      <c r="B446" s="21"/>
      <c r="C446" s="11" t="s">
        <v>428</v>
      </c>
      <c r="D446" s="23"/>
      <c r="E446" s="23"/>
      <c r="F446" s="25"/>
      <c r="G446" s="25"/>
      <c r="H446" s="27"/>
      <c r="I446" s="27"/>
      <c r="J446" s="18"/>
      <c r="K446" s="18"/>
    </row>
    <row r="447" spans="2:11" ht="15.75">
      <c r="B447" s="21"/>
      <c r="C447" s="11" t="s">
        <v>429</v>
      </c>
      <c r="D447" s="23"/>
      <c r="E447" s="23"/>
      <c r="F447" s="25"/>
      <c r="G447" s="25"/>
      <c r="H447" s="27"/>
      <c r="I447" s="27"/>
      <c r="J447" s="18"/>
      <c r="K447" s="18"/>
    </row>
    <row r="448" spans="2:11" ht="15.75">
      <c r="B448" s="21"/>
      <c r="C448" s="11" t="s">
        <v>430</v>
      </c>
      <c r="D448" s="23"/>
      <c r="E448" s="23"/>
      <c r="F448" s="25"/>
      <c r="G448" s="25"/>
      <c r="H448" s="27"/>
      <c r="I448" s="27"/>
      <c r="J448" s="18"/>
      <c r="K448" s="18"/>
    </row>
    <row r="449" spans="2:11" ht="15.75">
      <c r="B449" s="21"/>
      <c r="C449" s="11" t="s">
        <v>431</v>
      </c>
      <c r="D449" s="23"/>
      <c r="E449" s="23"/>
      <c r="F449" s="25"/>
      <c r="G449" s="25"/>
      <c r="H449" s="27"/>
      <c r="I449" s="27"/>
      <c r="J449" s="18"/>
      <c r="K449" s="18"/>
    </row>
    <row r="450" spans="2:11" ht="15.75">
      <c r="B450" s="21"/>
      <c r="C450" s="11" t="s">
        <v>432</v>
      </c>
      <c r="D450" s="23"/>
      <c r="E450" s="23"/>
      <c r="F450" s="25"/>
      <c r="G450" s="25"/>
      <c r="H450" s="27"/>
      <c r="I450" s="27"/>
      <c r="J450" s="18"/>
      <c r="K450" s="18"/>
    </row>
    <row r="451" spans="2:11" ht="15.75">
      <c r="B451" s="21"/>
      <c r="C451" s="11" t="s">
        <v>433</v>
      </c>
      <c r="D451" s="23"/>
      <c r="E451" s="23"/>
      <c r="F451" s="25"/>
      <c r="G451" s="25"/>
      <c r="H451" s="27"/>
      <c r="I451" s="27"/>
      <c r="J451" s="18"/>
      <c r="K451" s="18"/>
    </row>
    <row r="452" spans="2:11" ht="15.75">
      <c r="B452" s="21"/>
      <c r="C452" s="11" t="s">
        <v>434</v>
      </c>
      <c r="D452" s="23"/>
      <c r="E452" s="23"/>
      <c r="F452" s="25"/>
      <c r="G452" s="25"/>
      <c r="H452" s="27"/>
      <c r="I452" s="27"/>
      <c r="J452" s="18"/>
      <c r="K452" s="18"/>
    </row>
    <row r="453" spans="2:11" ht="15.75">
      <c r="B453" s="21"/>
      <c r="C453" s="11" t="s">
        <v>435</v>
      </c>
      <c r="D453" s="23"/>
      <c r="E453" s="23"/>
      <c r="F453" s="25"/>
      <c r="G453" s="25"/>
      <c r="H453" s="27"/>
      <c r="I453" s="27"/>
      <c r="J453" s="18"/>
      <c r="K453" s="18"/>
    </row>
    <row r="454" spans="2:11" ht="15.75">
      <c r="B454" s="21"/>
      <c r="C454" s="11" t="s">
        <v>436</v>
      </c>
      <c r="D454" s="23"/>
      <c r="E454" s="23"/>
      <c r="F454" s="25"/>
      <c r="G454" s="25"/>
      <c r="H454" s="27"/>
      <c r="I454" s="27"/>
      <c r="J454" s="18"/>
      <c r="K454" s="18"/>
    </row>
    <row r="455" spans="2:11" ht="15.75">
      <c r="B455" s="21"/>
      <c r="C455" s="11" t="s">
        <v>437</v>
      </c>
      <c r="D455" s="23"/>
      <c r="E455" s="23"/>
      <c r="F455" s="25"/>
      <c r="G455" s="25"/>
      <c r="H455" s="27"/>
      <c r="I455" s="27"/>
      <c r="J455" s="18"/>
      <c r="K455" s="18"/>
    </row>
    <row r="456" spans="2:11" ht="15.75">
      <c r="B456" s="21"/>
      <c r="C456" s="11" t="s">
        <v>438</v>
      </c>
      <c r="D456" s="23"/>
      <c r="E456" s="23"/>
      <c r="F456" s="25"/>
      <c r="G456" s="25"/>
      <c r="H456" s="27"/>
      <c r="I456" s="27"/>
      <c r="J456" s="18"/>
      <c r="K456" s="18"/>
    </row>
    <row r="457" spans="2:11" ht="15.75">
      <c r="B457" s="21"/>
      <c r="C457" s="11" t="s">
        <v>439</v>
      </c>
      <c r="D457" s="23"/>
      <c r="E457" s="23"/>
      <c r="F457" s="25"/>
      <c r="G457" s="25"/>
      <c r="H457" s="27"/>
      <c r="I457" s="27"/>
      <c r="J457" s="18"/>
      <c r="K457" s="18"/>
    </row>
    <row r="458" spans="2:11" ht="15.75">
      <c r="B458" s="21"/>
      <c r="C458" s="11" t="s">
        <v>440</v>
      </c>
      <c r="D458" s="23"/>
      <c r="E458" s="23"/>
      <c r="F458" s="25"/>
      <c r="G458" s="25"/>
      <c r="H458" s="27"/>
      <c r="I458" s="27"/>
      <c r="J458" s="18"/>
      <c r="K458" s="18"/>
    </row>
    <row r="459" spans="2:11" ht="15.75">
      <c r="B459" s="21"/>
      <c r="C459" s="11" t="s">
        <v>441</v>
      </c>
      <c r="D459" s="23"/>
      <c r="E459" s="23"/>
      <c r="F459" s="25"/>
      <c r="G459" s="25"/>
      <c r="H459" s="27"/>
      <c r="I459" s="27"/>
      <c r="J459" s="18"/>
      <c r="K459" s="18"/>
    </row>
    <row r="460" spans="2:11" ht="15.75">
      <c r="B460" s="21"/>
      <c r="C460" s="11" t="s">
        <v>442</v>
      </c>
      <c r="D460" s="23"/>
      <c r="E460" s="23"/>
      <c r="F460" s="25"/>
      <c r="G460" s="25"/>
      <c r="H460" s="27"/>
      <c r="I460" s="27"/>
      <c r="J460" s="18"/>
      <c r="K460" s="18"/>
    </row>
    <row r="461" spans="2:11" ht="15.75">
      <c r="B461" s="21"/>
      <c r="C461" s="11" t="s">
        <v>443</v>
      </c>
      <c r="D461" s="23"/>
      <c r="E461" s="23"/>
      <c r="F461" s="25"/>
      <c r="G461" s="25"/>
      <c r="H461" s="27"/>
      <c r="I461" s="27"/>
      <c r="J461" s="18"/>
      <c r="K461" s="18"/>
    </row>
    <row r="462" spans="2:11" ht="15.75">
      <c r="B462" s="21"/>
      <c r="C462" s="11" t="s">
        <v>444</v>
      </c>
      <c r="D462" s="23"/>
      <c r="E462" s="23"/>
      <c r="F462" s="25"/>
      <c r="G462" s="25"/>
      <c r="H462" s="27"/>
      <c r="I462" s="27"/>
      <c r="J462" s="18"/>
      <c r="K462" s="18"/>
    </row>
    <row r="463" spans="2:11" ht="15.75">
      <c r="B463" s="21"/>
      <c r="C463" s="11" t="s">
        <v>445</v>
      </c>
      <c r="D463" s="23"/>
      <c r="E463" s="23"/>
      <c r="F463" s="25"/>
      <c r="G463" s="25"/>
      <c r="H463" s="27"/>
      <c r="I463" s="27"/>
      <c r="J463" s="18"/>
      <c r="K463" s="18"/>
    </row>
    <row r="464" spans="2:11" ht="15.75">
      <c r="B464" s="21"/>
      <c r="C464" s="11" t="s">
        <v>446</v>
      </c>
      <c r="D464" s="23"/>
      <c r="E464" s="23"/>
      <c r="F464" s="25"/>
      <c r="G464" s="25"/>
      <c r="H464" s="27"/>
      <c r="I464" s="27"/>
      <c r="J464" s="18"/>
      <c r="K464" s="18"/>
    </row>
    <row r="465" spans="2:11" ht="15.75">
      <c r="B465" s="21"/>
      <c r="C465" s="11" t="s">
        <v>447</v>
      </c>
      <c r="D465" s="23"/>
      <c r="E465" s="23"/>
      <c r="F465" s="25"/>
      <c r="G465" s="25"/>
      <c r="H465" s="27"/>
      <c r="I465" s="27"/>
      <c r="J465" s="18"/>
      <c r="K465" s="18"/>
    </row>
    <row r="466" spans="2:11" ht="15.75">
      <c r="B466" s="21"/>
      <c r="C466" s="11" t="s">
        <v>448</v>
      </c>
      <c r="D466" s="23"/>
      <c r="E466" s="23"/>
      <c r="F466" s="25"/>
      <c r="G466" s="25"/>
      <c r="H466" s="27"/>
      <c r="I466" s="27"/>
      <c r="J466" s="18"/>
      <c r="K466" s="18"/>
    </row>
    <row r="467" spans="2:11" ht="15.75">
      <c r="B467" s="21"/>
      <c r="C467" s="11" t="s">
        <v>449</v>
      </c>
      <c r="D467" s="23"/>
      <c r="E467" s="23"/>
      <c r="F467" s="25"/>
      <c r="G467" s="25"/>
      <c r="H467" s="27"/>
      <c r="I467" s="27"/>
      <c r="J467" s="18"/>
      <c r="K467" s="18"/>
    </row>
    <row r="468" spans="2:11" ht="15.75">
      <c r="B468" s="21"/>
      <c r="C468" s="11" t="s">
        <v>450</v>
      </c>
      <c r="D468" s="23"/>
      <c r="E468" s="23"/>
      <c r="F468" s="25"/>
      <c r="G468" s="25"/>
      <c r="H468" s="27"/>
      <c r="I468" s="27"/>
      <c r="J468" s="18"/>
      <c r="K468" s="18"/>
    </row>
    <row r="469" spans="2:11" ht="15.75">
      <c r="B469" s="21"/>
      <c r="C469" s="11" t="s">
        <v>451</v>
      </c>
      <c r="D469" s="23"/>
      <c r="E469" s="23"/>
      <c r="F469" s="25"/>
      <c r="G469" s="25"/>
      <c r="H469" s="27"/>
      <c r="I469" s="27"/>
      <c r="J469" s="18"/>
      <c r="K469" s="18"/>
    </row>
    <row r="470" spans="2:11" ht="15.75">
      <c r="B470" s="21"/>
      <c r="C470" s="11" t="s">
        <v>452</v>
      </c>
      <c r="D470" s="23"/>
      <c r="E470" s="23"/>
      <c r="F470" s="25"/>
      <c r="G470" s="25"/>
      <c r="H470" s="27"/>
      <c r="I470" s="27"/>
      <c r="J470" s="18"/>
      <c r="K470" s="18"/>
    </row>
    <row r="471" spans="2:11" ht="15.75">
      <c r="B471" s="21"/>
      <c r="C471" s="11" t="s">
        <v>453</v>
      </c>
      <c r="D471" s="23"/>
      <c r="E471" s="23"/>
      <c r="F471" s="25"/>
      <c r="G471" s="25"/>
      <c r="H471" s="27"/>
      <c r="I471" s="27"/>
      <c r="J471" s="18"/>
      <c r="K471" s="18"/>
    </row>
    <row r="472" spans="2:11" ht="15.75">
      <c r="B472" s="21"/>
      <c r="C472" s="11" t="s">
        <v>454</v>
      </c>
      <c r="D472" s="23"/>
      <c r="E472" s="23"/>
      <c r="F472" s="25"/>
      <c r="G472" s="25"/>
      <c r="H472" s="27"/>
      <c r="I472" s="27"/>
      <c r="J472" s="18"/>
      <c r="K472" s="18"/>
    </row>
    <row r="473" spans="2:11" ht="15.75">
      <c r="B473" s="21"/>
      <c r="C473" s="11" t="s">
        <v>455</v>
      </c>
      <c r="D473" s="23"/>
      <c r="E473" s="23"/>
      <c r="F473" s="25"/>
      <c r="G473" s="25"/>
      <c r="H473" s="27"/>
      <c r="I473" s="27"/>
      <c r="J473" s="18"/>
      <c r="K473" s="18"/>
    </row>
    <row r="474" spans="2:11" ht="15.75">
      <c r="B474" s="21"/>
      <c r="C474" s="11" t="s">
        <v>456</v>
      </c>
      <c r="D474" s="23"/>
      <c r="E474" s="23"/>
      <c r="F474" s="25"/>
      <c r="G474" s="25"/>
      <c r="H474" s="27"/>
      <c r="I474" s="27"/>
      <c r="J474" s="18"/>
      <c r="K474" s="18"/>
    </row>
    <row r="475" spans="2:11" ht="15.75">
      <c r="B475" s="21"/>
      <c r="C475" s="11" t="s">
        <v>457</v>
      </c>
      <c r="D475" s="23"/>
      <c r="E475" s="23"/>
      <c r="F475" s="25"/>
      <c r="G475" s="25"/>
      <c r="H475" s="27"/>
      <c r="I475" s="27"/>
      <c r="J475" s="18"/>
      <c r="K475" s="18"/>
    </row>
    <row r="476" spans="2:11" ht="15.75">
      <c r="B476" s="21"/>
      <c r="C476" s="11" t="s">
        <v>458</v>
      </c>
      <c r="D476" s="23"/>
      <c r="E476" s="23"/>
      <c r="F476" s="25"/>
      <c r="G476" s="25"/>
      <c r="H476" s="27"/>
      <c r="I476" s="27"/>
      <c r="J476" s="18"/>
      <c r="K476" s="18"/>
    </row>
    <row r="477" spans="2:11" ht="15.75">
      <c r="B477" s="21"/>
      <c r="C477" s="11" t="s">
        <v>459</v>
      </c>
      <c r="D477" s="23"/>
      <c r="E477" s="23"/>
      <c r="F477" s="25"/>
      <c r="G477" s="25"/>
      <c r="H477" s="27"/>
      <c r="I477" s="27"/>
      <c r="J477" s="18"/>
      <c r="K477" s="18"/>
    </row>
    <row r="478" spans="2:11" ht="15.75">
      <c r="B478" s="21"/>
      <c r="C478" s="11" t="s">
        <v>460</v>
      </c>
      <c r="D478" s="23"/>
      <c r="E478" s="23"/>
      <c r="F478" s="25"/>
      <c r="G478" s="25"/>
      <c r="H478" s="27"/>
      <c r="I478" s="27"/>
      <c r="J478" s="18"/>
      <c r="K478" s="18"/>
    </row>
    <row r="479" spans="2:11" ht="15.75">
      <c r="B479" s="21"/>
      <c r="C479" s="11" t="s">
        <v>461</v>
      </c>
      <c r="D479" s="23"/>
      <c r="E479" s="23"/>
      <c r="F479" s="25"/>
      <c r="G479" s="25"/>
      <c r="H479" s="27"/>
      <c r="I479" s="27"/>
      <c r="J479" s="18"/>
      <c r="K479" s="18"/>
    </row>
    <row r="480" spans="2:11" ht="15.75">
      <c r="B480" s="21"/>
      <c r="C480" s="11" t="s">
        <v>462</v>
      </c>
      <c r="D480" s="23"/>
      <c r="E480" s="23"/>
      <c r="F480" s="25"/>
      <c r="G480" s="25"/>
      <c r="H480" s="27"/>
      <c r="I480" s="27"/>
      <c r="J480" s="18"/>
      <c r="K480" s="18"/>
    </row>
    <row r="481" spans="2:11" ht="15.75">
      <c r="B481" s="21"/>
      <c r="C481" s="11" t="s">
        <v>463</v>
      </c>
      <c r="D481" s="23"/>
      <c r="E481" s="23"/>
      <c r="F481" s="25"/>
      <c r="G481" s="25"/>
      <c r="H481" s="27"/>
      <c r="I481" s="27"/>
      <c r="J481" s="18"/>
      <c r="K481" s="18"/>
    </row>
    <row r="482" spans="2:11" ht="15.75">
      <c r="B482" s="21"/>
      <c r="C482" s="11" t="s">
        <v>464</v>
      </c>
      <c r="D482" s="23"/>
      <c r="E482" s="23"/>
      <c r="F482" s="25"/>
      <c r="G482" s="25"/>
      <c r="H482" s="27"/>
      <c r="I482" s="27"/>
      <c r="J482" s="18"/>
      <c r="K482" s="18"/>
    </row>
    <row r="483" spans="2:11" ht="15.75">
      <c r="B483" s="21"/>
      <c r="C483" s="11" t="s">
        <v>465</v>
      </c>
      <c r="D483" s="23"/>
      <c r="E483" s="23"/>
      <c r="F483" s="25"/>
      <c r="G483" s="25"/>
      <c r="H483" s="27"/>
      <c r="I483" s="27"/>
      <c r="J483" s="18"/>
      <c r="K483" s="18"/>
    </row>
    <row r="484" spans="2:11" ht="15.75">
      <c r="B484" s="21"/>
      <c r="C484" s="11" t="s">
        <v>466</v>
      </c>
      <c r="D484" s="23"/>
      <c r="E484" s="23"/>
      <c r="F484" s="25"/>
      <c r="G484" s="25"/>
      <c r="H484" s="27"/>
      <c r="I484" s="27"/>
      <c r="J484" s="18"/>
      <c r="K484" s="18"/>
    </row>
    <row r="485" spans="2:11" ht="15.75">
      <c r="B485" s="21"/>
      <c r="C485" s="11" t="s">
        <v>155</v>
      </c>
      <c r="D485" s="23"/>
      <c r="E485" s="23"/>
      <c r="F485" s="25"/>
      <c r="G485" s="25"/>
      <c r="H485" s="27"/>
      <c r="I485" s="27"/>
      <c r="J485" s="18"/>
      <c r="K485" s="18"/>
    </row>
    <row r="486" spans="2:11" ht="15.75">
      <c r="B486" s="21"/>
      <c r="C486" s="11" t="s">
        <v>156</v>
      </c>
      <c r="D486" s="23"/>
      <c r="E486" s="23"/>
      <c r="F486" s="25"/>
      <c r="G486" s="25"/>
      <c r="H486" s="27"/>
      <c r="I486" s="27"/>
      <c r="J486" s="18"/>
      <c r="K486" s="18"/>
    </row>
    <row r="487" spans="2:11" ht="15.75">
      <c r="B487" s="21"/>
      <c r="C487" s="11" t="s">
        <v>467</v>
      </c>
      <c r="D487" s="23"/>
      <c r="E487" s="23"/>
      <c r="F487" s="25"/>
      <c r="G487" s="25"/>
      <c r="H487" s="27"/>
      <c r="I487" s="27"/>
      <c r="J487" s="18"/>
      <c r="K487" s="18"/>
    </row>
    <row r="488" spans="2:11" ht="15.75">
      <c r="B488" s="21"/>
      <c r="C488" s="11" t="s">
        <v>468</v>
      </c>
      <c r="D488" s="23"/>
      <c r="E488" s="23"/>
      <c r="F488" s="25"/>
      <c r="G488" s="25"/>
      <c r="H488" s="27"/>
      <c r="I488" s="27"/>
      <c r="J488" s="18"/>
      <c r="K488" s="18"/>
    </row>
    <row r="489" spans="2:11" ht="15.75">
      <c r="B489" s="21"/>
      <c r="C489" s="11" t="s">
        <v>469</v>
      </c>
      <c r="D489" s="23"/>
      <c r="E489" s="23"/>
      <c r="F489" s="25"/>
      <c r="G489" s="25"/>
      <c r="H489" s="27"/>
      <c r="I489" s="27"/>
      <c r="J489" s="18"/>
      <c r="K489" s="18"/>
    </row>
    <row r="490" spans="2:11" ht="15.75">
      <c r="B490" s="21"/>
      <c r="C490" s="11" t="s">
        <v>470</v>
      </c>
      <c r="D490" s="23"/>
      <c r="E490" s="23"/>
      <c r="F490" s="25"/>
      <c r="G490" s="25"/>
      <c r="H490" s="27"/>
      <c r="I490" s="27"/>
      <c r="J490" s="18"/>
      <c r="K490" s="18"/>
    </row>
    <row r="491" spans="2:11" ht="15.75">
      <c r="B491" s="21"/>
      <c r="C491" s="11" t="s">
        <v>149</v>
      </c>
      <c r="D491" s="23"/>
      <c r="E491" s="23"/>
      <c r="F491" s="25"/>
      <c r="G491" s="25"/>
      <c r="H491" s="27"/>
      <c r="I491" s="27"/>
      <c r="J491" s="18"/>
      <c r="K491" s="18"/>
    </row>
    <row r="492" spans="2:11" ht="15.75">
      <c r="B492" s="21"/>
      <c r="C492" s="11" t="s">
        <v>150</v>
      </c>
      <c r="D492" s="23"/>
      <c r="E492" s="23"/>
      <c r="F492" s="25"/>
      <c r="G492" s="25"/>
      <c r="H492" s="27"/>
      <c r="I492" s="27"/>
      <c r="J492" s="18"/>
      <c r="K492" s="18"/>
    </row>
    <row r="493" spans="2:11" ht="15.75">
      <c r="B493" s="21"/>
      <c r="C493" s="11" t="s">
        <v>471</v>
      </c>
      <c r="D493" s="23"/>
      <c r="E493" s="23"/>
      <c r="F493" s="25"/>
      <c r="G493" s="25"/>
      <c r="H493" s="27"/>
      <c r="I493" s="27"/>
      <c r="J493" s="18"/>
      <c r="K493" s="18"/>
    </row>
    <row r="494" spans="2:11" ht="15.75">
      <c r="B494" s="21"/>
      <c r="C494" s="11" t="s">
        <v>472</v>
      </c>
      <c r="D494" s="23"/>
      <c r="E494" s="23"/>
      <c r="F494" s="25"/>
      <c r="G494" s="25"/>
      <c r="H494" s="27"/>
      <c r="I494" s="27"/>
      <c r="J494" s="18"/>
      <c r="K494" s="18"/>
    </row>
    <row r="496" spans="2:11">
      <c r="F496" s="43" t="s">
        <v>475</v>
      </c>
      <c r="G496" s="44"/>
      <c r="H496" s="44"/>
      <c r="I496" s="45"/>
      <c r="J496" s="15">
        <f>SUM(J6:J495)</f>
        <v>0</v>
      </c>
      <c r="K496" s="15">
        <f>SUM(K6:K495)</f>
        <v>0</v>
      </c>
    </row>
  </sheetData>
  <mergeCells count="58">
    <mergeCell ref="F496:I496"/>
    <mergeCell ref="C2:K2"/>
    <mergeCell ref="F4:K4"/>
    <mergeCell ref="B6:B69"/>
    <mergeCell ref="D6:D69"/>
    <mergeCell ref="E6:E69"/>
    <mergeCell ref="F6:F69"/>
    <mergeCell ref="G6:G69"/>
    <mergeCell ref="H6:H69"/>
    <mergeCell ref="I6:I69"/>
    <mergeCell ref="J6:J69"/>
    <mergeCell ref="K6:K69"/>
    <mergeCell ref="H70:H154"/>
    <mergeCell ref="I70:I154"/>
    <mergeCell ref="J70:J154"/>
    <mergeCell ref="K70:K154"/>
    <mergeCell ref="B70:B154"/>
    <mergeCell ref="D70:D154"/>
    <mergeCell ref="E70:E154"/>
    <mergeCell ref="F70:F154"/>
    <mergeCell ref="G70:G154"/>
    <mergeCell ref="K155:K240"/>
    <mergeCell ref="B241:B308"/>
    <mergeCell ref="D241:D308"/>
    <mergeCell ref="E241:E308"/>
    <mergeCell ref="F241:F308"/>
    <mergeCell ref="G241:G308"/>
    <mergeCell ref="H241:H308"/>
    <mergeCell ref="I241:I308"/>
    <mergeCell ref="J241:J308"/>
    <mergeCell ref="K241:K308"/>
    <mergeCell ref="B155:B240"/>
    <mergeCell ref="D155:D240"/>
    <mergeCell ref="E155:E240"/>
    <mergeCell ref="F155:F240"/>
    <mergeCell ref="G155:G240"/>
    <mergeCell ref="H155:H240"/>
    <mergeCell ref="I155:I240"/>
    <mergeCell ref="J155:J240"/>
    <mergeCell ref="H309:H387"/>
    <mergeCell ref="I309:I387"/>
    <mergeCell ref="J309:J387"/>
    <mergeCell ref="J1:K1"/>
    <mergeCell ref="K309:K387"/>
    <mergeCell ref="B388:B494"/>
    <mergeCell ref="D388:D494"/>
    <mergeCell ref="E388:E494"/>
    <mergeCell ref="F388:F494"/>
    <mergeCell ref="G388:G494"/>
    <mergeCell ref="H388:H494"/>
    <mergeCell ref="I388:I494"/>
    <mergeCell ref="J388:J494"/>
    <mergeCell ref="K388:K494"/>
    <mergeCell ref="B309:B387"/>
    <mergeCell ref="D309:D387"/>
    <mergeCell ref="E309:E387"/>
    <mergeCell ref="F309:F387"/>
    <mergeCell ref="G309:G387"/>
  </mergeCells>
  <pageMargins left="0.25" right="0.25" top="0.75" bottom="0.75" header="0.3" footer="0.3"/>
  <pageSetup paperSize="9" scale="56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Listy</vt:lpstr>
      </vt:variant>
      <vt:variant>
        <vt:i4>1</vt:i4>
      </vt:variant>
    </vt:vector>
  </HeadingPairs>
  <TitlesOfParts>
    <vt:vector size="1" baseType="lpstr">
      <vt:lpstr>Lis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ožová Anna</dc:creator>
  <cp:lastModifiedBy>Urbanová Radka</cp:lastModifiedBy>
  <cp:lastPrinted>2026-02-13T11:31:35Z</cp:lastPrinted>
  <dcterms:created xsi:type="dcterms:W3CDTF">2024-07-18T21:20:08Z</dcterms:created>
  <dcterms:modified xsi:type="dcterms:W3CDTF">2026-02-13T11:42:13Z</dcterms:modified>
</cp:coreProperties>
</file>